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CD32AFC" w14:textId="77777777" w:rsidR="00EB5885" w:rsidRPr="006822C9" w:rsidRDefault="006822C9">
      <w:pPr>
        <w:tabs>
          <w:tab w:val="center" w:pos="4320"/>
          <w:tab w:val="left" w:pos="7292"/>
        </w:tabs>
        <w:spacing w:line="360" w:lineRule="auto"/>
        <w:jc w:val="right"/>
        <w:rPr>
          <w:b/>
          <w:i/>
          <w:color w:val="000000"/>
          <w:sz w:val="28"/>
          <w:szCs w:val="28"/>
          <w:lang w:val="it-IT"/>
        </w:rPr>
      </w:pPr>
      <w:r w:rsidRPr="006822C9">
        <w:rPr>
          <w:b/>
          <w:i/>
          <w:color w:val="000000"/>
          <w:sz w:val="28"/>
          <w:szCs w:val="28"/>
          <w:lang w:val="it-IT"/>
        </w:rPr>
        <w:t>(versione Italiana)</w:t>
      </w:r>
    </w:p>
    <w:p w14:paraId="4E4B4EE0" w14:textId="1FEADB5E" w:rsidR="00EB5885" w:rsidRPr="00760851" w:rsidRDefault="006822C9" w:rsidP="00760851">
      <w:pPr>
        <w:tabs>
          <w:tab w:val="center" w:pos="4320"/>
          <w:tab w:val="left" w:pos="7292"/>
        </w:tabs>
        <w:spacing w:line="360" w:lineRule="auto"/>
        <w:jc w:val="center"/>
        <w:rPr>
          <w:b/>
          <w:i/>
          <w:color w:val="000000"/>
          <w:sz w:val="28"/>
          <w:szCs w:val="28"/>
          <w:lang w:val="it-IT"/>
        </w:rPr>
      </w:pPr>
      <w:r w:rsidRPr="006822C9">
        <w:rPr>
          <w:b/>
          <w:i/>
          <w:color w:val="000000"/>
          <w:sz w:val="28"/>
          <w:szCs w:val="28"/>
          <w:lang w:val="it-IT"/>
        </w:rPr>
        <w:t>VATA-ADL I</w:t>
      </w:r>
      <w:r w:rsidR="00760851">
        <w:rPr>
          <w:b/>
          <w:i/>
          <w:color w:val="000000"/>
          <w:sz w:val="28"/>
          <w:szCs w:val="28"/>
          <w:lang w:val="it-IT"/>
        </w:rPr>
        <w:t xml:space="preserve">struzioni </w:t>
      </w:r>
    </w:p>
    <w:p w14:paraId="3A1DB8BF" w14:textId="77777777" w:rsidR="00EB5885" w:rsidRPr="006822C9" w:rsidRDefault="00EB5885">
      <w:pPr>
        <w:spacing w:line="360" w:lineRule="auto"/>
        <w:rPr>
          <w:color w:val="000000"/>
          <w:sz w:val="21"/>
          <w:szCs w:val="21"/>
          <w:lang w:val="it-IT"/>
        </w:rPr>
      </w:pPr>
    </w:p>
    <w:p w14:paraId="21455B45" w14:textId="77777777" w:rsidR="00EB5885" w:rsidRPr="006822C9" w:rsidRDefault="006822C9">
      <w:pPr>
        <w:spacing w:line="360" w:lineRule="auto"/>
        <w:rPr>
          <w:color w:val="000000"/>
          <w:sz w:val="21"/>
          <w:szCs w:val="21"/>
          <w:lang w:val="it-IT"/>
        </w:rPr>
      </w:pPr>
      <w:r w:rsidRPr="006822C9">
        <w:rPr>
          <w:color w:val="000000"/>
          <w:sz w:val="21"/>
          <w:szCs w:val="21"/>
          <w:lang w:val="it-IT"/>
        </w:rPr>
        <w:t>Il questionario per i caregiver deve essere compilato indipendentemente dalla versione del paziente, possibilmente nello stesso giorno. Paziente e caregiver non devono discutere delle risposte  prima della fine del test.</w:t>
      </w:r>
    </w:p>
    <w:p w14:paraId="7CCB1E69" w14:textId="77777777" w:rsidR="00EB5885" w:rsidRPr="006822C9" w:rsidRDefault="00EB5885">
      <w:pPr>
        <w:spacing w:line="360" w:lineRule="auto"/>
        <w:rPr>
          <w:color w:val="000000"/>
          <w:sz w:val="21"/>
          <w:szCs w:val="21"/>
          <w:lang w:val="it-IT"/>
        </w:rPr>
      </w:pPr>
    </w:p>
    <w:p w14:paraId="175A92C4" w14:textId="29CC7FEF" w:rsidR="00EB5885" w:rsidRPr="006822C9" w:rsidRDefault="006822C9">
      <w:pPr>
        <w:spacing w:line="360" w:lineRule="auto"/>
        <w:rPr>
          <w:color w:val="000000"/>
          <w:sz w:val="21"/>
          <w:szCs w:val="21"/>
          <w:lang w:val="it-IT"/>
        </w:rPr>
      </w:pPr>
      <w:r w:rsidRPr="006822C9">
        <w:rPr>
          <w:color w:val="000000"/>
          <w:sz w:val="21"/>
          <w:szCs w:val="21"/>
          <w:lang w:val="it-IT"/>
        </w:rPr>
        <w:t>I caregiver possono completare la loro versione del VATA-ADL in assenza del</w:t>
      </w:r>
      <w:r w:rsidR="00760851">
        <w:rPr>
          <w:color w:val="000000"/>
          <w:sz w:val="21"/>
          <w:szCs w:val="21"/>
          <w:lang w:val="it-IT"/>
        </w:rPr>
        <w:t>l’esaminatore</w:t>
      </w:r>
      <w:r w:rsidRPr="006822C9">
        <w:rPr>
          <w:color w:val="000000"/>
          <w:sz w:val="21"/>
          <w:szCs w:val="21"/>
          <w:lang w:val="it-IT"/>
        </w:rPr>
        <w:t xml:space="preserve"> dopo aver dimostrato di aver compreso il questionario. Se ci sono dubbi riguardo la loro capacità di seguire le istruzioni del questionario, assisterli nelle modalità descritte di seguito.</w:t>
      </w:r>
    </w:p>
    <w:p w14:paraId="08BD1CFB" w14:textId="77777777" w:rsidR="00EB5885" w:rsidRPr="006822C9" w:rsidRDefault="00EB5885">
      <w:pPr>
        <w:spacing w:line="360" w:lineRule="auto"/>
        <w:rPr>
          <w:color w:val="000000"/>
          <w:sz w:val="21"/>
          <w:szCs w:val="21"/>
          <w:lang w:val="it-IT"/>
        </w:rPr>
      </w:pPr>
    </w:p>
    <w:p w14:paraId="5A0D905D" w14:textId="77777777" w:rsidR="00EB5885" w:rsidRPr="006822C9" w:rsidRDefault="006822C9">
      <w:pPr>
        <w:spacing w:line="360" w:lineRule="auto"/>
        <w:rPr>
          <w:color w:val="000000"/>
          <w:sz w:val="21"/>
          <w:szCs w:val="21"/>
          <w:lang w:val="it-IT"/>
        </w:rPr>
      </w:pPr>
      <w:r w:rsidRPr="006822C9">
        <w:rPr>
          <w:color w:val="000000"/>
          <w:sz w:val="21"/>
          <w:szCs w:val="21"/>
          <w:lang w:val="it-IT"/>
        </w:rPr>
        <w:t xml:space="preserve">Porre ogni item di fronte al soggetto. Se necessario, indicare lo stimolo o la scala di valutazione dove/quando appropriato. Per ogni item, leggere l’intera domanda o solamente l’azione. Enfatizzare che la domanda è relativa alle </w:t>
      </w:r>
      <w:r w:rsidRPr="006822C9">
        <w:rPr>
          <w:i/>
          <w:iCs/>
          <w:color w:val="000000"/>
          <w:sz w:val="21"/>
          <w:szCs w:val="21"/>
          <w:lang w:val="it-IT"/>
        </w:rPr>
        <w:t>abilità attuali del paziente</w:t>
      </w:r>
      <w:r w:rsidRPr="006822C9">
        <w:rPr>
          <w:color w:val="000000"/>
          <w:sz w:val="21"/>
          <w:szCs w:val="21"/>
          <w:lang w:val="it-IT"/>
        </w:rPr>
        <w:t>, e ripetere se necessario. Leggere le seguenti istruzioni al paziente mentre viene mostrato l’item di prova:</w:t>
      </w:r>
    </w:p>
    <w:p w14:paraId="55682F0D" w14:textId="77777777" w:rsidR="00EB5885" w:rsidRPr="006822C9" w:rsidRDefault="00EB5885">
      <w:pPr>
        <w:spacing w:line="360" w:lineRule="auto"/>
        <w:rPr>
          <w:color w:val="000000"/>
          <w:sz w:val="21"/>
          <w:szCs w:val="21"/>
          <w:lang w:val="it-IT"/>
        </w:rPr>
      </w:pPr>
    </w:p>
    <w:p w14:paraId="18E1FBD0" w14:textId="77777777" w:rsidR="00EB5885" w:rsidRPr="00760851" w:rsidRDefault="006822C9">
      <w:pPr>
        <w:spacing w:line="360" w:lineRule="auto"/>
        <w:rPr>
          <w:sz w:val="21"/>
          <w:szCs w:val="21"/>
          <w:lang w:val="it-IT"/>
        </w:rPr>
      </w:pPr>
      <w:r w:rsidRPr="006822C9">
        <w:rPr>
          <w:i/>
          <w:iCs/>
          <w:sz w:val="21"/>
          <w:szCs w:val="21"/>
          <w:lang w:val="it-IT"/>
        </w:rPr>
        <w:tab/>
        <w:t xml:space="preserve">“Le chiederò di dirmi quanto bene il suo familiare o amico riesce ad eseguire delle attività quotidiane. Ogni attività sarà illustrata con una figura. Le leggerò chiaramente ogni domanda, che è anche scritta nella parte alta del foglio. Le chiedo di dirmi quale pensa che sia, o che sarebbe, la sua abilità </w:t>
      </w:r>
      <w:r w:rsidRPr="006822C9">
        <w:rPr>
          <w:i/>
          <w:iCs/>
          <w:sz w:val="21"/>
          <w:szCs w:val="21"/>
          <w:u w:val="single"/>
          <w:lang w:val="it-IT"/>
        </w:rPr>
        <w:t>attuale</w:t>
      </w:r>
      <w:r w:rsidRPr="006822C9">
        <w:rPr>
          <w:i/>
          <w:iCs/>
          <w:sz w:val="21"/>
          <w:szCs w:val="21"/>
          <w:lang w:val="it-IT"/>
        </w:rPr>
        <w:t xml:space="preserve"> nell’eseguire ogni attività. Sotto ogni figura c’è una scala di valutazione. Valuti la sua abilità scegliendo un numero da 0 (no problemi, lui/lei potrebbe eseguire questa attività senza difficoltà) a 3 (lui/lei avrebbe serie difficoltà con questa attività o non sarebbe in grado di svolgerla). Può anche darmi la risposta semplicemente indicando sulla scala la risposta appropriata. </w:t>
      </w:r>
      <w:r w:rsidRPr="00760851">
        <w:rPr>
          <w:i/>
          <w:iCs/>
          <w:sz w:val="21"/>
          <w:szCs w:val="21"/>
          <w:lang w:val="it-IT"/>
        </w:rPr>
        <w:t>Proviamo con un esempio.”</w:t>
      </w:r>
    </w:p>
    <w:p w14:paraId="3086183B" w14:textId="77777777" w:rsidR="00EB5885" w:rsidRPr="00760851" w:rsidRDefault="00EB5885">
      <w:pPr>
        <w:spacing w:line="360" w:lineRule="auto"/>
        <w:rPr>
          <w:color w:val="000000"/>
          <w:sz w:val="21"/>
          <w:szCs w:val="21"/>
          <w:lang w:val="it-IT"/>
        </w:rPr>
      </w:pPr>
    </w:p>
    <w:p w14:paraId="285135DB" w14:textId="27E1E68A" w:rsidR="00EB5885" w:rsidRPr="00760851" w:rsidRDefault="00760851">
      <w:pPr>
        <w:spacing w:line="360" w:lineRule="auto"/>
        <w:rPr>
          <w:b/>
          <w:color w:val="000000"/>
          <w:sz w:val="21"/>
          <w:szCs w:val="21"/>
          <w:lang w:val="it-IT"/>
        </w:rPr>
      </w:pPr>
      <w:r>
        <w:rPr>
          <w:b/>
          <w:color w:val="000000"/>
          <w:sz w:val="21"/>
          <w:szCs w:val="21"/>
          <w:lang w:val="it-IT"/>
        </w:rPr>
        <w:t>Punteggio</w:t>
      </w:r>
      <w:r w:rsidR="006822C9" w:rsidRPr="00760851">
        <w:rPr>
          <w:b/>
          <w:color w:val="000000"/>
          <w:sz w:val="21"/>
          <w:szCs w:val="21"/>
          <w:lang w:val="it-IT"/>
        </w:rPr>
        <w:t>:</w:t>
      </w:r>
    </w:p>
    <w:p w14:paraId="4E8BED5F" w14:textId="77777777" w:rsidR="00EB5885" w:rsidRPr="00760851" w:rsidRDefault="00EB5885">
      <w:pPr>
        <w:spacing w:line="360" w:lineRule="auto"/>
        <w:rPr>
          <w:b/>
          <w:color w:val="000000"/>
          <w:sz w:val="21"/>
          <w:szCs w:val="21"/>
          <w:lang w:val="it-IT"/>
        </w:rPr>
      </w:pPr>
    </w:p>
    <w:p w14:paraId="691E350B" w14:textId="77777777" w:rsidR="00EB5885" w:rsidRPr="006822C9" w:rsidRDefault="006822C9">
      <w:pPr>
        <w:spacing w:line="360" w:lineRule="auto"/>
        <w:rPr>
          <w:color w:val="000000"/>
          <w:sz w:val="21"/>
          <w:szCs w:val="21"/>
          <w:lang w:val="it-IT"/>
        </w:rPr>
      </w:pPr>
      <w:r w:rsidRPr="006822C9">
        <w:rPr>
          <w:color w:val="000000"/>
          <w:sz w:val="21"/>
          <w:szCs w:val="21"/>
          <w:lang w:val="it-IT"/>
        </w:rPr>
        <w:t>Esaminare le risposte del partecipante e del caregiver per le 4 domande di controllo (</w:t>
      </w:r>
      <w:r w:rsidRPr="006822C9">
        <w:rPr>
          <w:i/>
          <w:iCs/>
          <w:color w:val="000000"/>
          <w:sz w:val="21"/>
          <w:szCs w:val="21"/>
          <w:lang w:val="it-IT"/>
        </w:rPr>
        <w:t>check</w:t>
      </w:r>
      <w:r w:rsidRPr="006822C9">
        <w:rPr>
          <w:color w:val="000000"/>
          <w:sz w:val="21"/>
          <w:szCs w:val="21"/>
          <w:lang w:val="it-IT"/>
        </w:rPr>
        <w:t>):</w:t>
      </w:r>
    </w:p>
    <w:p w14:paraId="46E5D78A" w14:textId="77777777" w:rsidR="00EB5885" w:rsidRPr="006822C9" w:rsidRDefault="006822C9">
      <w:pPr>
        <w:pStyle w:val="ListParagraph"/>
        <w:numPr>
          <w:ilvl w:val="0"/>
          <w:numId w:val="2"/>
        </w:numPr>
        <w:spacing w:line="360" w:lineRule="auto"/>
        <w:rPr>
          <w:color w:val="000000"/>
          <w:sz w:val="21"/>
          <w:szCs w:val="21"/>
          <w:lang w:val="it-IT"/>
        </w:rPr>
      </w:pPr>
      <w:r w:rsidRPr="006822C9">
        <w:rPr>
          <w:color w:val="000000"/>
          <w:sz w:val="21"/>
          <w:szCs w:val="21"/>
          <w:lang w:val="it-IT"/>
        </w:rPr>
        <w:t xml:space="preserve">Item 4 e 13: Questi punteggi dovrebbero essere 0 o 1. Se vengono forniti altri punteggi, ignorare il questionario e segnare sul foglio dati che il questionario non può essere incluso per errore di risposta nelle domande di controllo. </w:t>
      </w:r>
    </w:p>
    <w:p w14:paraId="7A8A9C3A" w14:textId="77777777" w:rsidR="00EB5885" w:rsidRPr="006822C9" w:rsidRDefault="006822C9">
      <w:pPr>
        <w:pStyle w:val="ListParagraph"/>
        <w:numPr>
          <w:ilvl w:val="0"/>
          <w:numId w:val="2"/>
        </w:numPr>
        <w:spacing w:line="360" w:lineRule="auto"/>
        <w:rPr>
          <w:color w:val="000000"/>
          <w:sz w:val="21"/>
          <w:szCs w:val="21"/>
          <w:lang w:val="it-IT"/>
        </w:rPr>
      </w:pPr>
      <w:r w:rsidRPr="006822C9">
        <w:rPr>
          <w:color w:val="000000"/>
          <w:sz w:val="21"/>
          <w:szCs w:val="21"/>
          <w:lang w:val="it-IT"/>
        </w:rPr>
        <w:t>Item 9 e 19: Questi punteggi dovrebbero essere 2 o 3. Se vengono forniti altri punteggi, ignorare il questionario e segnare sul foglio dati che il questionario non può essere incluso per errore di risposta nelle domande di controllo.</w:t>
      </w:r>
    </w:p>
    <w:p w14:paraId="329847C5" w14:textId="77777777" w:rsidR="00EB5885" w:rsidRPr="006822C9" w:rsidRDefault="00EB5885">
      <w:pPr>
        <w:spacing w:line="360" w:lineRule="auto"/>
        <w:rPr>
          <w:b/>
          <w:color w:val="000000"/>
          <w:sz w:val="21"/>
          <w:szCs w:val="21"/>
          <w:lang w:val="it-IT"/>
        </w:rPr>
      </w:pPr>
    </w:p>
    <w:p w14:paraId="17061D39" w14:textId="77777777" w:rsidR="00EB5885" w:rsidRPr="006822C9" w:rsidRDefault="006822C9">
      <w:pPr>
        <w:spacing w:line="360" w:lineRule="auto"/>
        <w:rPr>
          <w:sz w:val="21"/>
          <w:szCs w:val="21"/>
          <w:lang w:val="it-IT"/>
        </w:rPr>
      </w:pPr>
      <w:r w:rsidRPr="006822C9">
        <w:rPr>
          <w:sz w:val="21"/>
          <w:szCs w:val="21"/>
          <w:lang w:val="it-IT"/>
        </w:rPr>
        <w:lastRenderedPageBreak/>
        <w:t>Inserire nel foglio dati del partecipante la somma dei punteggi dei sei item sperimentali di ogni sottoscala, nelle versioni del paziente e del caregiver.</w:t>
      </w:r>
    </w:p>
    <w:p w14:paraId="609BC036" w14:textId="77777777" w:rsidR="00EB5885" w:rsidRDefault="006822C9">
      <w:pPr>
        <w:pStyle w:val="ListParagraph"/>
        <w:numPr>
          <w:ilvl w:val="0"/>
          <w:numId w:val="1"/>
        </w:numPr>
        <w:spacing w:line="360" w:lineRule="auto"/>
        <w:rPr>
          <w:sz w:val="21"/>
          <w:szCs w:val="21"/>
        </w:rPr>
      </w:pPr>
      <w:r>
        <w:rPr>
          <w:sz w:val="21"/>
          <w:szCs w:val="21"/>
        </w:rPr>
        <w:t xml:space="preserve">Self-care items </w:t>
      </w:r>
      <w:proofErr w:type="gramStart"/>
      <w:r>
        <w:rPr>
          <w:sz w:val="21"/>
          <w:szCs w:val="21"/>
        </w:rPr>
        <w:t>( 2</w:t>
      </w:r>
      <w:proofErr w:type="gramEnd"/>
      <w:r>
        <w:rPr>
          <w:sz w:val="21"/>
          <w:szCs w:val="21"/>
        </w:rPr>
        <w:t>, 3, 8, 14, 18, 21)</w:t>
      </w:r>
    </w:p>
    <w:p w14:paraId="5229D3C6" w14:textId="77777777" w:rsidR="00EB5885" w:rsidRDefault="006822C9">
      <w:pPr>
        <w:pStyle w:val="ListParagraph"/>
        <w:numPr>
          <w:ilvl w:val="0"/>
          <w:numId w:val="1"/>
        </w:numPr>
        <w:spacing w:line="360" w:lineRule="auto"/>
        <w:rPr>
          <w:sz w:val="21"/>
          <w:szCs w:val="21"/>
        </w:rPr>
      </w:pPr>
      <w:r>
        <w:rPr>
          <w:sz w:val="21"/>
          <w:szCs w:val="21"/>
        </w:rPr>
        <w:t>Activities inside the home (6, 10, 12, 15, 20, 22)</w:t>
      </w:r>
    </w:p>
    <w:p w14:paraId="29AE2BF2" w14:textId="77777777" w:rsidR="00EB5885" w:rsidRDefault="006822C9">
      <w:pPr>
        <w:pStyle w:val="ListParagraph"/>
        <w:numPr>
          <w:ilvl w:val="0"/>
          <w:numId w:val="1"/>
        </w:numPr>
        <w:spacing w:line="360" w:lineRule="auto"/>
        <w:rPr>
          <w:sz w:val="21"/>
          <w:szCs w:val="21"/>
        </w:rPr>
      </w:pPr>
      <w:r>
        <w:rPr>
          <w:sz w:val="21"/>
          <w:szCs w:val="21"/>
        </w:rPr>
        <w:t>Activities outside the home (1, 5, 7, 11, 16, 17)</w:t>
      </w:r>
    </w:p>
    <w:p w14:paraId="19D8B4AA" w14:textId="77777777" w:rsidR="00EB5885" w:rsidRPr="006822C9" w:rsidRDefault="006822C9">
      <w:pPr>
        <w:spacing w:line="360" w:lineRule="auto"/>
        <w:rPr>
          <w:sz w:val="21"/>
          <w:szCs w:val="21"/>
          <w:lang w:val="it-IT"/>
        </w:rPr>
      </w:pPr>
      <w:r w:rsidRPr="006822C9">
        <w:rPr>
          <w:sz w:val="21"/>
          <w:szCs w:val="21"/>
          <w:lang w:val="it-IT"/>
        </w:rPr>
        <w:t>I punteggi delle sottoscale variano da 0 a 18.</w:t>
      </w:r>
    </w:p>
    <w:p w14:paraId="299797C1" w14:textId="77777777" w:rsidR="00EB5885" w:rsidRPr="006822C9" w:rsidRDefault="00EB5885">
      <w:pPr>
        <w:spacing w:line="360" w:lineRule="auto"/>
        <w:rPr>
          <w:sz w:val="21"/>
          <w:szCs w:val="21"/>
          <w:lang w:val="it-IT"/>
        </w:rPr>
      </w:pPr>
    </w:p>
    <w:p w14:paraId="37A59138" w14:textId="77777777" w:rsidR="00EB5885" w:rsidRPr="006822C9" w:rsidRDefault="006822C9">
      <w:pPr>
        <w:spacing w:line="360" w:lineRule="auto"/>
        <w:rPr>
          <w:sz w:val="21"/>
          <w:szCs w:val="21"/>
          <w:lang w:val="it-IT"/>
        </w:rPr>
      </w:pPr>
      <w:r w:rsidRPr="006822C9">
        <w:rPr>
          <w:sz w:val="21"/>
          <w:szCs w:val="21"/>
          <w:lang w:val="it-IT"/>
        </w:rPr>
        <w:t>Calcolare la somma del punteggio di tutti gli item nella versione del paziente e del caregiver. Il punteggio totale è compreso tra 0 e 54 (aggiungere al foglio dati del partecipante). Sottrarre il punteggio totale del paziente al punteggio totale del caregiver per avere il valore della discrepanza caregiver-paziente. Aggiungere questo punteggio (range da -54 a +54) al foglio dati.</w:t>
      </w:r>
    </w:p>
    <w:p w14:paraId="65C0DD78" w14:textId="77777777" w:rsidR="00EB5885" w:rsidRPr="006822C9" w:rsidRDefault="00EB5885">
      <w:pPr>
        <w:spacing w:line="360" w:lineRule="auto"/>
        <w:rPr>
          <w:sz w:val="21"/>
          <w:szCs w:val="21"/>
          <w:lang w:val="it-IT"/>
        </w:rPr>
      </w:pPr>
    </w:p>
    <w:p w14:paraId="32FD336A" w14:textId="77777777" w:rsidR="00EB5885" w:rsidRPr="006822C9" w:rsidRDefault="00EB5885">
      <w:pPr>
        <w:rPr>
          <w:b/>
          <w:color w:val="000000"/>
          <w:sz w:val="28"/>
          <w:szCs w:val="28"/>
          <w:lang w:val="it-IT"/>
        </w:rPr>
      </w:pPr>
    </w:p>
    <w:p w14:paraId="36AA35C9" w14:textId="77777777" w:rsidR="00EB5885" w:rsidRPr="006822C9" w:rsidRDefault="006822C9">
      <w:pPr>
        <w:rPr>
          <w:b/>
          <w:color w:val="000000"/>
          <w:sz w:val="28"/>
          <w:szCs w:val="28"/>
          <w:lang w:val="it-IT"/>
        </w:rPr>
      </w:pPr>
      <w:r w:rsidRPr="006822C9">
        <w:rPr>
          <w:lang w:val="it-IT"/>
        </w:rPr>
        <w:br w:type="page"/>
      </w:r>
    </w:p>
    <w:p w14:paraId="35ADE67F" w14:textId="212E2A4E" w:rsidR="00EB5885" w:rsidRPr="006822C9" w:rsidRDefault="00EB5885">
      <w:pPr>
        <w:rPr>
          <w:b/>
          <w:i/>
          <w:color w:val="000000"/>
          <w:sz w:val="28"/>
          <w:szCs w:val="28"/>
          <w:lang w:val="it-IT"/>
        </w:rPr>
      </w:pPr>
    </w:p>
    <w:p w14:paraId="6B7056DF" w14:textId="74D81001" w:rsidR="00EB5885" w:rsidRPr="006822C9" w:rsidRDefault="006822C9">
      <w:pPr>
        <w:tabs>
          <w:tab w:val="center" w:pos="4320"/>
          <w:tab w:val="left" w:pos="7292"/>
        </w:tabs>
        <w:spacing w:line="360" w:lineRule="auto"/>
        <w:jc w:val="center"/>
        <w:rPr>
          <w:b/>
          <w:i/>
          <w:color w:val="000000"/>
          <w:sz w:val="32"/>
          <w:szCs w:val="28"/>
          <w:lang w:val="it-IT"/>
        </w:rPr>
      </w:pPr>
      <w:r w:rsidRPr="006822C9">
        <w:rPr>
          <w:b/>
          <w:i/>
          <w:color w:val="000000"/>
          <w:sz w:val="32"/>
          <w:szCs w:val="28"/>
          <w:lang w:val="it-IT"/>
        </w:rPr>
        <w:t>VATA-ADL I</w:t>
      </w:r>
      <w:r w:rsidR="00760851">
        <w:rPr>
          <w:b/>
          <w:i/>
          <w:color w:val="000000"/>
          <w:sz w:val="32"/>
          <w:szCs w:val="28"/>
          <w:lang w:val="it-IT"/>
        </w:rPr>
        <w:t>nformazioni per Familiare</w:t>
      </w:r>
    </w:p>
    <w:p w14:paraId="4FC1A6D1" w14:textId="77777777" w:rsidR="00EB5885" w:rsidRPr="006822C9" w:rsidRDefault="00EB5885">
      <w:pPr>
        <w:spacing w:line="360" w:lineRule="auto"/>
        <w:rPr>
          <w:color w:val="000000"/>
          <w:sz w:val="22"/>
          <w:szCs w:val="21"/>
          <w:lang w:val="it-IT"/>
        </w:rPr>
      </w:pPr>
    </w:p>
    <w:p w14:paraId="532978DD" w14:textId="77777777" w:rsidR="00EB5885" w:rsidRPr="006822C9" w:rsidRDefault="006822C9">
      <w:pPr>
        <w:spacing w:line="360" w:lineRule="auto"/>
        <w:jc w:val="both"/>
        <w:rPr>
          <w:color w:val="000000"/>
          <w:sz w:val="28"/>
          <w:szCs w:val="21"/>
          <w:lang w:val="it-IT"/>
        </w:rPr>
      </w:pPr>
      <w:r w:rsidRPr="006822C9">
        <w:rPr>
          <w:color w:val="000000"/>
          <w:sz w:val="28"/>
          <w:szCs w:val="21"/>
          <w:lang w:val="it-IT"/>
        </w:rPr>
        <w:t xml:space="preserve">Il questionario VATA-ADL misura quanto bene il suo familiare/amico è in grado di eseguire le attività di vita quotidiana. Ha 23 pagine, ognuna delle quali con una domanda riguardo un’attività, una figura che la rappresenta e una scala di risposta. Per ogni domanda segni sulla scala sottostante quanto il suo familiare/amico è in grado di svolgere quell’attività </w:t>
      </w:r>
      <w:r w:rsidRPr="006822C9">
        <w:rPr>
          <w:b/>
          <w:bCs/>
          <w:color w:val="000000"/>
          <w:sz w:val="28"/>
          <w:szCs w:val="21"/>
          <w:lang w:val="it-IT"/>
        </w:rPr>
        <w:t>nelle sue attuali condizioni.</w:t>
      </w:r>
      <w:r w:rsidRPr="006822C9">
        <w:rPr>
          <w:color w:val="000000"/>
          <w:sz w:val="28"/>
          <w:szCs w:val="21"/>
          <w:lang w:val="it-IT"/>
        </w:rPr>
        <w:t xml:space="preserve"> Segni un numero da 0 (</w:t>
      </w:r>
      <w:r w:rsidRPr="006822C9">
        <w:rPr>
          <w:i/>
          <w:iCs/>
          <w:color w:val="000000"/>
          <w:sz w:val="28"/>
          <w:szCs w:val="21"/>
          <w:lang w:val="it-IT"/>
        </w:rPr>
        <w:t>no problemi</w:t>
      </w:r>
      <w:r w:rsidRPr="006822C9">
        <w:rPr>
          <w:color w:val="000000"/>
          <w:sz w:val="28"/>
          <w:szCs w:val="21"/>
          <w:lang w:val="it-IT"/>
        </w:rPr>
        <w:t>, lui/lei potrebbe eseguire questa attività senza difficoltà) a 3 (</w:t>
      </w:r>
      <w:r w:rsidRPr="006822C9">
        <w:rPr>
          <w:i/>
          <w:iCs/>
          <w:color w:val="000000"/>
          <w:sz w:val="28"/>
          <w:szCs w:val="21"/>
          <w:lang w:val="it-IT"/>
        </w:rPr>
        <w:t>problemi</w:t>
      </w:r>
      <w:r w:rsidRPr="006822C9">
        <w:rPr>
          <w:color w:val="000000"/>
          <w:sz w:val="28"/>
          <w:szCs w:val="21"/>
          <w:lang w:val="it-IT"/>
        </w:rPr>
        <w:t>, lui/lei non potrebbe eseguire affatto questa attività). Provi a rispondere a tutte le domande. Se ci sono delle attività che lui/lei non svolge regolarmente, provi ad immaginare quale sarebbe il suo livello di abilità.</w:t>
      </w:r>
    </w:p>
    <w:p w14:paraId="790EA76C" w14:textId="77777777" w:rsidR="00EB5885" w:rsidRPr="006822C9" w:rsidRDefault="00EB5885">
      <w:pPr>
        <w:spacing w:line="360" w:lineRule="auto"/>
        <w:jc w:val="both"/>
        <w:rPr>
          <w:color w:val="000000"/>
          <w:sz w:val="28"/>
          <w:szCs w:val="21"/>
          <w:lang w:val="it-IT"/>
        </w:rPr>
      </w:pPr>
    </w:p>
    <w:p w14:paraId="4239E514" w14:textId="77777777" w:rsidR="00EB5885" w:rsidRPr="006822C9" w:rsidRDefault="006822C9">
      <w:pPr>
        <w:spacing w:line="360" w:lineRule="auto"/>
        <w:jc w:val="both"/>
        <w:rPr>
          <w:color w:val="000000"/>
          <w:sz w:val="28"/>
          <w:szCs w:val="21"/>
          <w:lang w:val="it-IT"/>
        </w:rPr>
      </w:pPr>
      <w:r w:rsidRPr="006822C9">
        <w:rPr>
          <w:color w:val="000000"/>
          <w:sz w:val="28"/>
          <w:szCs w:val="21"/>
          <w:lang w:val="it-IT"/>
        </w:rPr>
        <w:t xml:space="preserve">Il suo familiare/amico completerà la sua versione del VATA-ADL, valutando le sue stesse capacità di svolgere ogni attività. </w:t>
      </w:r>
      <w:r w:rsidRPr="006822C9">
        <w:rPr>
          <w:b/>
          <w:bCs/>
          <w:color w:val="000000"/>
          <w:sz w:val="28"/>
          <w:szCs w:val="21"/>
          <w:lang w:val="it-IT"/>
        </w:rPr>
        <w:t>Dovete fornire le vostre risposte separatamente.</w:t>
      </w:r>
    </w:p>
    <w:p w14:paraId="4215FA12" w14:textId="77777777" w:rsidR="00EB5885" w:rsidRPr="006822C9" w:rsidRDefault="00EB5885">
      <w:pPr>
        <w:spacing w:line="360" w:lineRule="auto"/>
        <w:jc w:val="both"/>
        <w:rPr>
          <w:color w:val="000000"/>
          <w:sz w:val="28"/>
          <w:szCs w:val="21"/>
          <w:lang w:val="it-IT"/>
        </w:rPr>
      </w:pPr>
    </w:p>
    <w:p w14:paraId="60275B28" w14:textId="77777777" w:rsidR="00EB5885" w:rsidRPr="006822C9" w:rsidRDefault="00EB5885">
      <w:pPr>
        <w:spacing w:line="360" w:lineRule="auto"/>
        <w:rPr>
          <w:color w:val="000000"/>
          <w:sz w:val="21"/>
          <w:szCs w:val="21"/>
          <w:lang w:val="it-IT"/>
        </w:rPr>
      </w:pPr>
    </w:p>
    <w:p w14:paraId="60E0E678" w14:textId="77777777" w:rsidR="00EB5885" w:rsidRPr="006822C9" w:rsidRDefault="006822C9">
      <w:pPr>
        <w:rPr>
          <w:b/>
          <w:color w:val="000000"/>
          <w:sz w:val="21"/>
          <w:szCs w:val="21"/>
          <w:lang w:val="it-IT"/>
        </w:rPr>
      </w:pPr>
      <w:r w:rsidRPr="006822C9">
        <w:rPr>
          <w:lang w:val="it-IT"/>
        </w:rPr>
        <w:br w:type="page"/>
      </w:r>
    </w:p>
    <w:p w14:paraId="2EF67ABD" w14:textId="77777777" w:rsidR="00EB5885" w:rsidRPr="006822C9" w:rsidRDefault="00EB5885">
      <w:pPr>
        <w:spacing w:line="360" w:lineRule="auto"/>
        <w:rPr>
          <w:rFonts w:eastAsia="Calibri"/>
          <w:color w:val="000000"/>
          <w:sz w:val="21"/>
          <w:szCs w:val="21"/>
          <w:lang w:val="it-IT"/>
        </w:rPr>
      </w:pPr>
    </w:p>
    <w:p w14:paraId="40CF62C7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56"/>
          <w:lang w:val="it-IT"/>
        </w:rPr>
      </w:pPr>
    </w:p>
    <w:p w14:paraId="6F0D360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lavare i piatti?</w:t>
      </w:r>
    </w:p>
    <w:p w14:paraId="68DE53D4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</w:p>
    <w:p w14:paraId="3442C927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 w:eastAsia="zh-CN"/>
        </w:rPr>
      </w:pPr>
    </w:p>
    <w:p w14:paraId="012BAE8B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eastAsia="zh-CN"/>
        </w:rPr>
      </w:pPr>
      <w:r>
        <w:rPr>
          <w:noProof/>
        </w:rPr>
        <w:drawing>
          <wp:inline distT="0" distB="0" distL="0" distR="0" wp14:anchorId="2098E949" wp14:editId="253A5D14">
            <wp:extent cx="3379470" cy="3268980"/>
            <wp:effectExtent l="0" t="0" r="0" b="0"/>
            <wp:docPr id="1" name="Picture 29" descr="E:\University\Silent Hemisphere\Test Materials\VATAs\VATA ADL\Third Edit\Illustrations\illustrationwashingup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29" descr="E:\University\Silent Hemisphere\Test Materials\VATAs\VATA ADL\Third Edit\Illustrations\illustrationwashingup001.jpg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79470" cy="32689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D3C804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20"/>
          <w:szCs w:val="20"/>
        </w:rPr>
      </w:pPr>
    </w:p>
    <w:p w14:paraId="6EACF9CC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20"/>
          <w:szCs w:val="20"/>
        </w:rPr>
      </w:pPr>
    </w:p>
    <w:p w14:paraId="7CF80338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4B118DA6" wp14:editId="7B73FAC8">
            <wp:extent cx="1137920" cy="1254760"/>
            <wp:effectExtent l="0" t="0" r="0" b="0"/>
            <wp:docPr id="2" name="Picture 2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2B68D6EC" wp14:editId="7009F6C5">
            <wp:extent cx="1105535" cy="1223010"/>
            <wp:effectExtent l="0" t="0" r="0" b="0"/>
            <wp:docPr id="3" name="Picture 3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3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51A082E3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Problemi</w:t>
      </w:r>
    </w:p>
    <w:p w14:paraId="15CA2EEF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087752F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64B62318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3A6D425C" w14:textId="77777777" w:rsidR="00EB5885" w:rsidRPr="006822C9" w:rsidRDefault="00EB5885">
      <w:pPr>
        <w:jc w:val="center"/>
        <w:rPr>
          <w:rFonts w:ascii="Arial" w:hAnsi="Arial" w:cs="Arial"/>
          <w:b/>
          <w:sz w:val="32"/>
          <w:szCs w:val="32"/>
          <w:lang w:val="it-IT"/>
        </w:rPr>
      </w:pPr>
    </w:p>
    <w:p w14:paraId="0C9799D1" w14:textId="77777777" w:rsidR="00EB5885" w:rsidRPr="006822C9" w:rsidRDefault="006822C9">
      <w:pPr>
        <w:jc w:val="center"/>
        <w:rPr>
          <w:rFonts w:ascii="Arial" w:hAnsi="Arial" w:cs="Arial"/>
          <w:b/>
          <w:color w:val="999999"/>
          <w:sz w:val="32"/>
          <w:szCs w:val="32"/>
          <w:lang w:val="it-IT"/>
        </w:rPr>
      </w:pPr>
      <w:r w:rsidRPr="006822C9">
        <w:rPr>
          <w:rFonts w:ascii="Arial" w:hAnsi="Arial" w:cs="Arial"/>
          <w:b/>
          <w:color w:val="999999"/>
          <w:sz w:val="32"/>
          <w:szCs w:val="32"/>
          <w:lang w:val="it-IT"/>
        </w:rPr>
        <w:t>Esempio</w:t>
      </w:r>
    </w:p>
    <w:p w14:paraId="2EF4AAF6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56"/>
          <w:lang w:val="it-IT"/>
        </w:rPr>
      </w:pPr>
    </w:p>
    <w:p w14:paraId="7B4F7681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Ha/avrebbe problemi ad entrare e uscire dall’auto? </w:t>
      </w:r>
    </w:p>
    <w:p w14:paraId="32823C95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494CD801" wp14:editId="240782B2">
            <wp:extent cx="4007485" cy="3068955"/>
            <wp:effectExtent l="0" t="0" r="0" b="0"/>
            <wp:docPr id="4" name="Picture 1" descr="C:\Users\Alan\AppData\Local\Microsoft\Windows\Temporary Internet Files\Content.IE5\CXU4VFWQ\illustrationgettingintocarpassenger00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1" descr="C:\Users\Alan\AppData\Local\Microsoft\Windows\Temporary Internet Files\Content.IE5\CXU4VFWQ\illustrationgettingintocarpassenger002.jpg"/>
                    <pic:cNvPicPr>
                      <a:picLocks noChangeAspect="1" noChangeArrowheads="1"/>
                    </pic:cNvPicPr>
                  </pic:nvPicPr>
                  <pic:blipFill>
                    <a:blip r:embed="rId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07485" cy="30689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95AF493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20"/>
          <w:szCs w:val="20"/>
        </w:rPr>
      </w:pPr>
    </w:p>
    <w:p w14:paraId="41657A14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20"/>
          <w:szCs w:val="20"/>
        </w:rPr>
      </w:pPr>
    </w:p>
    <w:p w14:paraId="6D092076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20"/>
          <w:szCs w:val="20"/>
        </w:rPr>
      </w:pPr>
    </w:p>
    <w:p w14:paraId="122F4ED9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20"/>
          <w:szCs w:val="20"/>
        </w:rPr>
      </w:pPr>
    </w:p>
    <w:p w14:paraId="3BF09799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4F2DA275" wp14:editId="24BE3A66">
            <wp:extent cx="1137920" cy="1254760"/>
            <wp:effectExtent l="0" t="0" r="0" b="0"/>
            <wp:docPr id="5" name="Picture 5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Picture 5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30D31101" wp14:editId="2C4024D0">
            <wp:extent cx="1105535" cy="1223010"/>
            <wp:effectExtent l="0" t="0" r="0" b="0"/>
            <wp:docPr id="6" name="Picture 6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Picture 6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17F4AE56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</w:t>
      </w:r>
      <w:r w:rsidRPr="006822C9">
        <w:rPr>
          <w:sz w:val="56"/>
          <w:szCs w:val="56"/>
          <w:lang w:val="it-IT"/>
        </w:rPr>
        <w:tab/>
        <w:t>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20D0E658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0921944A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684297F2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32"/>
          <w:szCs w:val="32"/>
          <w:lang w:val="it-IT"/>
        </w:rPr>
      </w:pPr>
    </w:p>
    <w:p w14:paraId="5DCC208A" w14:textId="77777777" w:rsidR="00EB5885" w:rsidRPr="006822C9" w:rsidRDefault="00EB5885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</w:p>
    <w:p w14:paraId="7B09311C" w14:textId="77777777" w:rsidR="00EB5885" w:rsidRPr="006822C9" w:rsidRDefault="006822C9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1</w:t>
      </w:r>
    </w:p>
    <w:p w14:paraId="2AADFD5A" w14:textId="77777777" w:rsidR="00EB5885" w:rsidRPr="006822C9" w:rsidRDefault="00EB5885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</w:p>
    <w:p w14:paraId="6FDD3B09" w14:textId="77777777" w:rsidR="00EB5885" w:rsidRPr="006822C9" w:rsidRDefault="00EB5885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</w:p>
    <w:p w14:paraId="152EC434" w14:textId="77777777" w:rsidR="00EB5885" w:rsidRPr="006822C9" w:rsidRDefault="00EB5885">
      <w:pPr>
        <w:rPr>
          <w:sz w:val="20"/>
          <w:szCs w:val="20"/>
          <w:lang w:val="it-IT"/>
        </w:rPr>
      </w:pPr>
    </w:p>
    <w:p w14:paraId="3E29C327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56"/>
          <w:lang w:val="it-IT"/>
        </w:rPr>
      </w:pPr>
    </w:p>
    <w:p w14:paraId="633074D9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difficoltà a mangiare?</w:t>
      </w:r>
    </w:p>
    <w:p w14:paraId="54FFA630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56"/>
          <w:szCs w:val="56"/>
          <w:lang w:val="it-IT"/>
        </w:rPr>
      </w:pPr>
    </w:p>
    <w:p w14:paraId="6E9754DA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33D1040C" wp14:editId="74951AF2">
            <wp:extent cx="3806190" cy="3413125"/>
            <wp:effectExtent l="0" t="0" r="0" b="0"/>
            <wp:docPr id="7" name="Picture 7" descr="illustrationfeeding00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Picture 7" descr="illustrationfeeding001"/>
                    <pic:cNvPicPr>
                      <a:picLocks noChangeAspect="1" noChangeArrowheads="1"/>
                    </pic:cNvPicPr>
                  </pic:nvPicPr>
                  <pic:blipFill>
                    <a:blip r:embed="rId1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06190" cy="34131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E9F3218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</w:rPr>
      </w:pPr>
    </w:p>
    <w:p w14:paraId="7C51A924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</w:rPr>
      </w:pPr>
    </w:p>
    <w:p w14:paraId="63D2D5E4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</w:rPr>
      </w:pPr>
    </w:p>
    <w:p w14:paraId="2A6489EF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</w:rPr>
      </w:pPr>
    </w:p>
    <w:p w14:paraId="6E0C6432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</w:rPr>
      </w:pPr>
    </w:p>
    <w:p w14:paraId="6C6CD237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</w:rPr>
      </w:pPr>
    </w:p>
    <w:p w14:paraId="25C97228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1737A6E9" wp14:editId="4D0AE8D3">
            <wp:extent cx="1137920" cy="1254760"/>
            <wp:effectExtent l="0" t="0" r="0" b="0"/>
            <wp:docPr id="8" name="Picture 8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Picture 8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3692B8A0" wp14:editId="35C1A107">
            <wp:extent cx="1105535" cy="1223010"/>
            <wp:effectExtent l="0" t="0" r="0" b="0"/>
            <wp:docPr id="9" name="Picture 9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Picture 9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3C2D2AD8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2BD170CB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1CE0EACC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7B9C5FC9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  <w:lang w:val="it-IT"/>
        </w:rPr>
      </w:pPr>
    </w:p>
    <w:p w14:paraId="39138D64" w14:textId="77777777" w:rsidR="00EB5885" w:rsidRPr="006822C9" w:rsidRDefault="00EB5885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</w:p>
    <w:p w14:paraId="3E241A68" w14:textId="77777777" w:rsidR="00EB5885" w:rsidRPr="006822C9" w:rsidRDefault="006822C9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2</w:t>
      </w:r>
    </w:p>
    <w:p w14:paraId="0A15E2E6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8"/>
          <w:szCs w:val="56"/>
          <w:lang w:val="it-IT"/>
        </w:rPr>
      </w:pPr>
    </w:p>
    <w:p w14:paraId="04AE403D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difficoltà a lavarsi il volto?</w:t>
      </w:r>
    </w:p>
    <w:p w14:paraId="2BE31DDB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</w:p>
    <w:p w14:paraId="42FD2F27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</w:rPr>
      </w:pPr>
      <w:r>
        <w:rPr>
          <w:noProof/>
        </w:rPr>
        <w:drawing>
          <wp:inline distT="0" distB="0" distL="0" distR="0" wp14:anchorId="604B4748" wp14:editId="42FA88C5">
            <wp:extent cx="3235960" cy="3435985"/>
            <wp:effectExtent l="0" t="0" r="0" b="0"/>
            <wp:docPr id="10" name="Picture 30" descr="E:\University\Silent Hemisphere\Test Materials\VATAs\VATA ADL\Third Edit\Illustrations\illustrationwashface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Picture 30" descr="E:\University\Silent Hemisphere\Test Materials\VATAs\VATA ADL\Third Edit\Illustrations\illustrationwashface001.jpg"/>
                    <pic:cNvPicPr>
                      <a:picLocks noChangeAspect="1" noChangeArrowheads="1"/>
                    </pic:cNvPicPr>
                  </pic:nvPicPr>
                  <pic:blipFill>
                    <a:blip r:embed="rId1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35960" cy="34359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606C7C8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</w:rPr>
      </w:pPr>
    </w:p>
    <w:p w14:paraId="4D2B0A9D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</w:rPr>
      </w:pPr>
    </w:p>
    <w:p w14:paraId="07430367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205DD1D3" wp14:editId="4A47407A">
            <wp:extent cx="1137920" cy="1254760"/>
            <wp:effectExtent l="0" t="0" r="0" b="0"/>
            <wp:docPr id="11" name="Picture 56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" name="Picture 56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2A816455" wp14:editId="40F2ECD1">
            <wp:extent cx="1105535" cy="1223010"/>
            <wp:effectExtent l="0" t="0" r="0" b="0"/>
            <wp:docPr id="12" name="Picture 57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Picture 57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30E63C2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0B9E13FD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4A717B6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7E97AB27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  <w:lang w:val="it-IT"/>
        </w:rPr>
      </w:pPr>
    </w:p>
    <w:p w14:paraId="1B8DF2BA" w14:textId="77777777" w:rsidR="00EB5885" w:rsidRPr="006822C9" w:rsidRDefault="00EB5885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</w:p>
    <w:p w14:paraId="2FA59147" w14:textId="77777777" w:rsidR="00EB5885" w:rsidRPr="006822C9" w:rsidRDefault="006822C9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3</w:t>
      </w:r>
    </w:p>
    <w:p w14:paraId="7DC3241C" w14:textId="77777777" w:rsidR="00EB5885" w:rsidRPr="006822C9" w:rsidRDefault="00EB5885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</w:p>
    <w:p w14:paraId="424D45C6" w14:textId="77777777" w:rsidR="00EB5885" w:rsidRPr="006822C9" w:rsidRDefault="00EB5885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</w:p>
    <w:p w14:paraId="297AA3A8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0"/>
          <w:lang w:val="it-IT"/>
        </w:rPr>
      </w:pPr>
    </w:p>
    <w:p w14:paraId="60E53EFE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sentire qualcuno parlare al megafono o all’autoparlante?</w:t>
      </w:r>
    </w:p>
    <w:p w14:paraId="55AE83BE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</w:p>
    <w:p w14:paraId="2300F853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4273E2E5" wp14:editId="72D44447">
            <wp:extent cx="4919345" cy="3140710"/>
            <wp:effectExtent l="0" t="0" r="0" b="0"/>
            <wp:docPr id="13" name="Immagine1" descr="C:\Users\s1148032\AppData\Local\Temp\illustrationmegaphone001-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Immagine1" descr="C:\Users\s1148032\AppData\Local\Temp\illustrationmegaphone001-1.jpg"/>
                    <pic:cNvPicPr>
                      <a:picLocks noChangeAspect="1" noChangeArrowheads="1"/>
                    </pic:cNvPicPr>
                  </pic:nvPicPr>
                  <pic:blipFill>
                    <a:blip r:embed="rId1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19345" cy="31407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7435BFE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</w:rPr>
      </w:pPr>
    </w:p>
    <w:p w14:paraId="6E2D294A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</w:rPr>
      </w:pPr>
    </w:p>
    <w:p w14:paraId="5595EC33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</w:rPr>
      </w:pPr>
    </w:p>
    <w:p w14:paraId="73934527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544C56DF" wp14:editId="0FAD8540">
            <wp:extent cx="1137920" cy="1254760"/>
            <wp:effectExtent l="0" t="0" r="0" b="0"/>
            <wp:docPr id="14" name="Picture 11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Picture 11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0EDDB2BB" wp14:editId="6A1E7889">
            <wp:extent cx="1105535" cy="1223010"/>
            <wp:effectExtent l="0" t="0" r="0" b="0"/>
            <wp:docPr id="15" name="Picture 12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" name="Picture 12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73D0E732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30425716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7C13AC73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19CBA03B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33CEB301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47"/>
        </w:tabs>
        <w:jc w:val="center"/>
        <w:rPr>
          <w:sz w:val="20"/>
          <w:szCs w:val="20"/>
          <w:lang w:val="it-IT"/>
        </w:rPr>
      </w:pPr>
    </w:p>
    <w:p w14:paraId="1BB5F05A" w14:textId="77777777" w:rsidR="00EB5885" w:rsidRPr="006822C9" w:rsidRDefault="00EB5885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</w:p>
    <w:p w14:paraId="2DD26F02" w14:textId="77777777" w:rsidR="00EB5885" w:rsidRPr="006822C9" w:rsidRDefault="006822C9">
      <w:pPr>
        <w:tabs>
          <w:tab w:val="left" w:pos="1347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4</w:t>
      </w:r>
    </w:p>
    <w:p w14:paraId="7CF9700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0"/>
          <w:lang w:val="it-IT"/>
        </w:rPr>
      </w:pPr>
    </w:p>
    <w:p w14:paraId="084C71C7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d usare i soldi?</w:t>
      </w:r>
    </w:p>
    <w:p w14:paraId="77B584AE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</w:p>
    <w:p w14:paraId="09AFF98E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2E032059" wp14:editId="48FCC47B">
            <wp:extent cx="3220085" cy="3472815"/>
            <wp:effectExtent l="0" t="0" r="0" b="0"/>
            <wp:docPr id="16" name="Picture 55" descr="E:\University\Silent Hemisphere\Test Materials\VATAs\VATA ADL\Third Edit\Illustrations\illustrationmanagingmoneyalternative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Picture 55" descr="E:\University\Silent Hemisphere\Test Materials\VATAs\VATA ADL\Third Edit\Illustrations\illustrationmanagingmoneyalternative001.jpg"/>
                    <pic:cNvPicPr>
                      <a:picLocks noChangeAspect="1" noChangeArrowheads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20085" cy="34728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F057741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20"/>
          <w:szCs w:val="20"/>
        </w:rPr>
      </w:pPr>
    </w:p>
    <w:p w14:paraId="4FBCDB12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240A8DD5" wp14:editId="43EFF47A">
            <wp:extent cx="1137920" cy="1254760"/>
            <wp:effectExtent l="0" t="0" r="0" b="0"/>
            <wp:docPr id="17" name="Picture 14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Picture 14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6782CCD3" wp14:editId="1FF8B90F">
            <wp:extent cx="1105535" cy="1223010"/>
            <wp:effectExtent l="0" t="0" r="0" b="0"/>
            <wp:docPr id="18" name="Picture 15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Picture 15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1B2D0EF1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</w:t>
      </w:r>
      <w:r w:rsidRPr="006822C9">
        <w:rPr>
          <w:sz w:val="56"/>
          <w:szCs w:val="56"/>
          <w:lang w:val="it-IT"/>
        </w:rPr>
        <w:tab/>
        <w:t>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2AA2FF61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4A2BFF2F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14E98AD7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5E8008A2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70D82755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2F69EB14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5</w:t>
      </w:r>
    </w:p>
    <w:p w14:paraId="0D6C3A35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jc w:val="center"/>
        <w:rPr>
          <w:sz w:val="28"/>
          <w:szCs w:val="20"/>
          <w:lang w:val="it-IT"/>
        </w:rPr>
      </w:pPr>
    </w:p>
    <w:p w14:paraId="0C01B1DD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scrivere una lettera?</w:t>
      </w:r>
    </w:p>
    <w:p w14:paraId="38111E03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jc w:val="center"/>
        <w:rPr>
          <w:sz w:val="20"/>
          <w:szCs w:val="20"/>
          <w:lang w:val="it-IT"/>
        </w:rPr>
      </w:pPr>
    </w:p>
    <w:p w14:paraId="03B931CF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jc w:val="center"/>
        <w:rPr>
          <w:sz w:val="20"/>
          <w:szCs w:val="20"/>
          <w:lang w:val="it-IT"/>
        </w:rPr>
      </w:pPr>
    </w:p>
    <w:p w14:paraId="72B88812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23E03856" wp14:editId="6BDE0472">
            <wp:extent cx="3221355" cy="3522345"/>
            <wp:effectExtent l="0" t="0" r="0" b="0"/>
            <wp:docPr id="19" name="Picture 16" descr="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Picture 16" descr="5"/>
                    <pic:cNvPicPr>
                      <a:picLocks noChangeAspect="1" noChangeArrowheads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21355" cy="35223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C490B62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20"/>
          <w:szCs w:val="20"/>
        </w:rPr>
      </w:pPr>
    </w:p>
    <w:p w14:paraId="0946775C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20"/>
          <w:szCs w:val="20"/>
        </w:rPr>
      </w:pPr>
    </w:p>
    <w:p w14:paraId="6F5DC635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3F5D7503" wp14:editId="7F5EC7A2">
            <wp:extent cx="1137920" cy="1254760"/>
            <wp:effectExtent l="0" t="0" r="0" b="0"/>
            <wp:docPr id="20" name="Picture 17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Picture 17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721D7FFE" wp14:editId="70C43413">
            <wp:extent cx="1105535" cy="1223010"/>
            <wp:effectExtent l="0" t="0" r="0" b="0"/>
            <wp:docPr id="21" name="Picture 18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" name="Picture 18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7B89CB86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7051BFA6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0B3239C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20DEF4CA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2461A208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5091CCAB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0465AC11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6</w:t>
      </w:r>
    </w:p>
    <w:p w14:paraId="4B86C9E3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0CFBEEC5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</w:p>
    <w:p w14:paraId="3803C539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d attraversare la strada?</w:t>
      </w:r>
    </w:p>
    <w:p w14:paraId="03B1E464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  <w:lang w:val="it-IT"/>
        </w:rPr>
      </w:pPr>
    </w:p>
    <w:p w14:paraId="5A938B25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  <w:lang w:val="it-IT"/>
        </w:rPr>
      </w:pPr>
    </w:p>
    <w:p w14:paraId="694DFAD5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320EA009" wp14:editId="761E38BB">
            <wp:extent cx="3968750" cy="3152775"/>
            <wp:effectExtent l="0" t="0" r="0" b="0"/>
            <wp:docPr id="22" name="Picture 19" descr="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Picture 19" descr="6"/>
                    <pic:cNvPicPr>
                      <a:picLocks noChangeAspect="1" noChangeArrowheads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68750" cy="31527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F9CA8E6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</w:rPr>
      </w:pPr>
    </w:p>
    <w:p w14:paraId="6808727E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0073585F" wp14:editId="6411E07E">
            <wp:extent cx="1137920" cy="1254760"/>
            <wp:effectExtent l="0" t="0" r="0" b="0"/>
            <wp:docPr id="23" name="Picture 20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" name="Picture 20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1CDE3385" wp14:editId="136B29EB">
            <wp:extent cx="1105535" cy="1223010"/>
            <wp:effectExtent l="0" t="0" r="0" b="0"/>
            <wp:docPr id="24" name="Picture 21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4" name="Picture 21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271D3E31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</w:t>
      </w:r>
      <w:r w:rsidRPr="006822C9">
        <w:rPr>
          <w:sz w:val="56"/>
          <w:szCs w:val="56"/>
          <w:lang w:val="it-IT"/>
        </w:rPr>
        <w:tab/>
        <w:t>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27E79F4A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7BD6AA47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754F622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56"/>
          <w:lang w:val="it-IT"/>
        </w:rPr>
      </w:pPr>
    </w:p>
    <w:p w14:paraId="01761FE9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56"/>
          <w:lang w:val="it-IT"/>
        </w:rPr>
      </w:pPr>
    </w:p>
    <w:p w14:paraId="2BB2CCBE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0565571E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7</w:t>
      </w:r>
      <w:r w:rsidRPr="006822C9">
        <w:rPr>
          <w:lang w:val="it-IT"/>
        </w:rPr>
        <w:br w:type="page"/>
      </w:r>
    </w:p>
    <w:p w14:paraId="1BCBBA75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</w:p>
    <w:p w14:paraId="71BCDE33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fare il bagno?</w:t>
      </w:r>
    </w:p>
    <w:p w14:paraId="75A53BDA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  <w:lang w:val="it-IT"/>
        </w:rPr>
      </w:pPr>
    </w:p>
    <w:p w14:paraId="5EF62363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  <w:lang w:val="it-IT"/>
        </w:rPr>
      </w:pPr>
    </w:p>
    <w:p w14:paraId="23B87D49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1133E37B" wp14:editId="0EAAA7A0">
            <wp:extent cx="4579620" cy="3705225"/>
            <wp:effectExtent l="0" t="0" r="0" b="0"/>
            <wp:docPr id="25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5" name="Picture 28"/>
                    <pic:cNvPicPr>
                      <a:picLocks noChangeAspect="1" noChangeArrowheads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9620" cy="37052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7AB17B5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</w:rPr>
      </w:pPr>
    </w:p>
    <w:p w14:paraId="79B971D0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43ED529B" wp14:editId="0286E7F8">
            <wp:extent cx="1137920" cy="1254760"/>
            <wp:effectExtent l="0" t="0" r="0" b="0"/>
            <wp:docPr id="26" name="Picture 59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6" name="Picture 59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0C7DB88A" wp14:editId="4E1D3663">
            <wp:extent cx="1105535" cy="1223010"/>
            <wp:effectExtent l="0" t="0" r="0" b="0"/>
            <wp:docPr id="27" name="Picture 60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7" name="Picture 60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5A502A87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507C6185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4EB61B69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3B465ACB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56"/>
          <w:lang w:val="it-IT"/>
        </w:rPr>
      </w:pPr>
    </w:p>
    <w:p w14:paraId="1515FACF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56"/>
          <w:lang w:val="it-IT"/>
        </w:rPr>
      </w:pPr>
    </w:p>
    <w:p w14:paraId="0743A19B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489B78F2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8</w:t>
      </w:r>
    </w:p>
    <w:p w14:paraId="0F7BBA41" w14:textId="77777777" w:rsidR="00EB5885" w:rsidRPr="006822C9" w:rsidRDefault="00EB5885">
      <w:pPr>
        <w:rPr>
          <w:color w:val="808080"/>
          <w:sz w:val="28"/>
          <w:szCs w:val="28"/>
          <w:lang w:val="it-IT"/>
        </w:rPr>
      </w:pPr>
    </w:p>
    <w:p w14:paraId="18A4F707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0BA58FDA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</w:p>
    <w:p w14:paraId="698C5C89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trascinare un camion?</w:t>
      </w:r>
    </w:p>
    <w:p w14:paraId="48C6D267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56"/>
          <w:szCs w:val="56"/>
          <w:lang w:val="it-IT"/>
        </w:rPr>
      </w:pPr>
    </w:p>
    <w:p w14:paraId="0E82A312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51BC63E6" wp14:editId="43514758">
            <wp:extent cx="4540250" cy="3136900"/>
            <wp:effectExtent l="0" t="0" r="0" b="0"/>
            <wp:docPr id="28" name="Picture 22" descr="illustrationpullinglorry00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" name="Picture 22" descr="illustrationpullinglorry001"/>
                    <pic:cNvPicPr>
                      <a:picLocks noChangeAspect="1" noChangeArrowheads="1"/>
                    </pic:cNvPicPr>
                  </pic:nvPicPr>
                  <pic:blipFill>
                    <a:blip r:embed="rId1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40250" cy="31369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4B6A15C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202ADE2D" wp14:editId="279A2AB5">
            <wp:extent cx="1137920" cy="1254760"/>
            <wp:effectExtent l="0" t="0" r="0" b="0"/>
            <wp:docPr id="29" name="Picture 23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9" name="Picture 23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60652ABB" wp14:editId="242544FE">
            <wp:extent cx="1105535" cy="1223010"/>
            <wp:effectExtent l="0" t="0" r="0" b="0"/>
            <wp:docPr id="30" name="Picture 24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Picture 24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2D592CA0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5111C6A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31FF9871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3587E65E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399D6A48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67032698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7EEC7845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9</w:t>
      </w:r>
    </w:p>
    <w:p w14:paraId="50CEF437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2E7BB347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5A9987B4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4EF7E738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0"/>
          <w:lang w:val="it-IT"/>
        </w:rPr>
      </w:pPr>
    </w:p>
    <w:p w14:paraId="176E3F97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prepararsi una bevanda calda?</w:t>
      </w:r>
    </w:p>
    <w:p w14:paraId="7B8A3B13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</w:p>
    <w:p w14:paraId="01094317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</w:rPr>
      </w:pPr>
      <w:r>
        <w:rPr>
          <w:noProof/>
        </w:rPr>
        <w:drawing>
          <wp:inline distT="0" distB="0" distL="0" distR="0" wp14:anchorId="44D47DD2" wp14:editId="26EBA7F3">
            <wp:extent cx="3422015" cy="3156585"/>
            <wp:effectExtent l="0" t="0" r="0" b="0"/>
            <wp:docPr id="31" name="Picture 25" descr="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1" name="Picture 25" descr="8"/>
                    <pic:cNvPicPr>
                      <a:picLocks noChangeAspect="1" noChangeArrowheads="1"/>
                    </pic:cNvPicPr>
                  </pic:nvPicPr>
                  <pic:blipFill>
                    <a:blip r:embed="rId1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22015" cy="31565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B5F6E25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</w:rPr>
      </w:pPr>
    </w:p>
    <w:p w14:paraId="77116266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</w:rPr>
      </w:pPr>
    </w:p>
    <w:p w14:paraId="70F8CA01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3996D3C5" wp14:editId="6A46F2C6">
            <wp:extent cx="1137920" cy="1254760"/>
            <wp:effectExtent l="0" t="0" r="0" b="0"/>
            <wp:docPr id="32" name="Picture 26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2" name="Picture 26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3EDC7756" wp14:editId="2ADAFD2E">
            <wp:extent cx="1105535" cy="1223010"/>
            <wp:effectExtent l="0" t="0" r="0" b="0"/>
            <wp:docPr id="33" name="Picture 27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3" name="Picture 27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136A7862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7699105B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69155B3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7358ECA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357C7C52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03BA16C2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1507B019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10</w:t>
      </w:r>
    </w:p>
    <w:p w14:paraId="62FB7B95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64C0EE6D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5887A9A2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jc w:val="center"/>
        <w:rPr>
          <w:sz w:val="28"/>
          <w:szCs w:val="56"/>
          <w:lang w:val="it-IT"/>
        </w:rPr>
      </w:pPr>
    </w:p>
    <w:p w14:paraId="6783841D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jc w:val="center"/>
        <w:rPr>
          <w:sz w:val="20"/>
          <w:szCs w:val="20"/>
          <w:lang w:val="it-IT"/>
        </w:rPr>
      </w:pPr>
      <w:r w:rsidRPr="006822C9">
        <w:rPr>
          <w:sz w:val="56"/>
          <w:szCs w:val="56"/>
          <w:lang w:val="it-IT"/>
        </w:rPr>
        <w:t>Ha/avrebbe problemi ad usare i mezzi pubblici?</w:t>
      </w:r>
      <w:r w:rsidRPr="006822C9">
        <w:rPr>
          <w:sz w:val="20"/>
          <w:szCs w:val="20"/>
          <w:lang w:val="it-IT"/>
        </w:rPr>
        <w:t xml:space="preserve"> </w:t>
      </w:r>
    </w:p>
    <w:p w14:paraId="3B704BB0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jc w:val="center"/>
        <w:rPr>
          <w:sz w:val="56"/>
          <w:szCs w:val="56"/>
          <w:lang w:val="it-IT"/>
        </w:rPr>
      </w:pPr>
    </w:p>
    <w:p w14:paraId="5E148224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2E2F8682" wp14:editId="7047F6ED">
            <wp:extent cx="4715510" cy="3020695"/>
            <wp:effectExtent l="0" t="0" r="0" b="0"/>
            <wp:docPr id="34" name="Picture 34" descr="illustrationtransport001 (2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4" name="Picture 34" descr="illustrationtransport001 (2)"/>
                    <pic:cNvPicPr>
                      <a:picLocks noChangeAspect="1" noChangeArrowheads="1"/>
                    </pic:cNvPicPr>
                  </pic:nvPicPr>
                  <pic:blipFill>
                    <a:blip r:embed="rId1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15510" cy="30206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3D18BCC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jc w:val="center"/>
        <w:rPr>
          <w:sz w:val="32"/>
          <w:szCs w:val="56"/>
        </w:rPr>
      </w:pPr>
    </w:p>
    <w:p w14:paraId="28ED0074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rPr>
          <w:sz w:val="20"/>
          <w:szCs w:val="20"/>
        </w:rPr>
      </w:pPr>
    </w:p>
    <w:p w14:paraId="273738D6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13D8C9CD" wp14:editId="7EC27FEE">
            <wp:extent cx="1137920" cy="1254760"/>
            <wp:effectExtent l="0" t="0" r="0" b="0"/>
            <wp:docPr id="35" name="Picture 35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5" name="Picture 35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06B2D216" wp14:editId="15325CF4">
            <wp:extent cx="1105535" cy="1223010"/>
            <wp:effectExtent l="0" t="0" r="0" b="0"/>
            <wp:docPr id="36" name="Picture 36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6" name="Picture 36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0C8C234A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</w:t>
      </w:r>
      <w:r w:rsidRPr="006822C9">
        <w:rPr>
          <w:sz w:val="56"/>
          <w:szCs w:val="56"/>
          <w:lang w:val="it-IT"/>
        </w:rPr>
        <w:tab/>
        <w:t>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7732948A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tabs>
          <w:tab w:val="left" w:pos="2440"/>
        </w:tabs>
        <w:rPr>
          <w:lang w:val="it-IT"/>
        </w:rPr>
      </w:pPr>
    </w:p>
    <w:p w14:paraId="6A7956FC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4C0AEE44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5A63960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1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3980210D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0380CFA3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11</w:t>
      </w:r>
    </w:p>
    <w:p w14:paraId="7FAA4081" w14:textId="77777777" w:rsidR="00EB5885" w:rsidRPr="006822C9" w:rsidRDefault="00EB5885">
      <w:pPr>
        <w:rPr>
          <w:color w:val="808080"/>
          <w:sz w:val="28"/>
          <w:szCs w:val="28"/>
          <w:lang w:val="it-IT"/>
        </w:rPr>
      </w:pPr>
    </w:p>
    <w:p w14:paraId="4179A015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71FF0BF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56"/>
          <w:lang w:val="it-IT"/>
        </w:rPr>
      </w:pPr>
    </w:p>
    <w:p w14:paraId="607BB1E4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  <w:r w:rsidRPr="006822C9">
        <w:rPr>
          <w:sz w:val="56"/>
          <w:szCs w:val="56"/>
          <w:lang w:val="it-IT"/>
        </w:rPr>
        <w:t>Ha/avrebbe problemi ad usare il telefono?</w:t>
      </w:r>
      <w:r w:rsidRPr="006822C9">
        <w:rPr>
          <w:sz w:val="20"/>
          <w:szCs w:val="20"/>
          <w:lang w:val="it-IT"/>
        </w:rPr>
        <w:t xml:space="preserve"> </w:t>
      </w:r>
    </w:p>
    <w:p w14:paraId="04644EAD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4824B0A4" wp14:editId="42995FAA">
            <wp:extent cx="3058795" cy="3387090"/>
            <wp:effectExtent l="0" t="0" r="0" b="0"/>
            <wp:docPr id="37" name="Picture 31" descr="E:\University\Silent Hemisphere\Test Materials\VATAs\VATA ADL\Third Edit\Illustrations\illustrationphone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7" name="Picture 31" descr="E:\University\Silent Hemisphere\Test Materials\VATAs\VATA ADL\Third Edit\Illustrations\illustrationphone001.jpg"/>
                    <pic:cNvPicPr>
                      <a:picLocks noChangeAspect="1" noChangeArrowheads="1"/>
                    </pic:cNvPicPr>
                  </pic:nvPicPr>
                  <pic:blipFill>
                    <a:blip r:embed="rId2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58795" cy="33870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72AE3F8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</w:rPr>
      </w:pPr>
    </w:p>
    <w:p w14:paraId="63785F82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10F7DFAB" wp14:editId="104C4D9C">
            <wp:extent cx="1137920" cy="1254760"/>
            <wp:effectExtent l="0" t="0" r="0" b="0"/>
            <wp:docPr id="38" name="Picture 65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8" name="Picture 65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5A4A0CC6" wp14:editId="65D8DD1F">
            <wp:extent cx="1105535" cy="1223010"/>
            <wp:effectExtent l="0" t="0" r="0" b="0"/>
            <wp:docPr id="39" name="Picture 66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9" name="Picture 66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1BF4E3D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</w:t>
      </w:r>
      <w:r w:rsidRPr="006822C9">
        <w:rPr>
          <w:sz w:val="56"/>
          <w:szCs w:val="56"/>
          <w:lang w:val="it-IT"/>
        </w:rPr>
        <w:tab/>
        <w:t>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1CD5218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3774B00E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1292EBC5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296BA083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20F9810E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1ED8CA28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12</w:t>
      </w:r>
    </w:p>
    <w:p w14:paraId="7DD032B9" w14:textId="77777777" w:rsidR="00EB5885" w:rsidRPr="006822C9" w:rsidRDefault="00EB5885">
      <w:pPr>
        <w:rPr>
          <w:color w:val="808080"/>
          <w:sz w:val="28"/>
          <w:szCs w:val="28"/>
          <w:lang w:val="it-IT"/>
        </w:rPr>
      </w:pPr>
    </w:p>
    <w:p w14:paraId="3736ED60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513D539E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0"/>
          <w:lang w:val="it-IT"/>
        </w:rPr>
      </w:pPr>
    </w:p>
    <w:p w14:paraId="38BDA2C6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riconoscersi allo specchio?</w:t>
      </w:r>
    </w:p>
    <w:p w14:paraId="5E1A5F9E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40"/>
          <w:szCs w:val="56"/>
          <w:lang w:val="it-IT"/>
        </w:rPr>
      </w:pPr>
    </w:p>
    <w:p w14:paraId="34D31A7F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4BA7DC42" wp14:editId="01B99C55">
            <wp:extent cx="2377440" cy="3489960"/>
            <wp:effectExtent l="0" t="0" r="0" b="0"/>
            <wp:docPr id="40" name="Picture 37" descr="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0" name="Picture 37" descr="12"/>
                    <pic:cNvPicPr>
                      <a:picLocks noChangeAspect="1" noChangeArrowheads="1"/>
                    </pic:cNvPicPr>
                  </pic:nvPicPr>
                  <pic:blipFill>
                    <a:blip r:embed="rId2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77440" cy="34899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1AC5BC5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rPr>
          <w:sz w:val="20"/>
          <w:szCs w:val="20"/>
        </w:rPr>
      </w:pPr>
    </w:p>
    <w:p w14:paraId="6C49620A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48AF1FE0" wp14:editId="0166BAA9">
            <wp:extent cx="1137920" cy="1254760"/>
            <wp:effectExtent l="0" t="0" r="0" b="0"/>
            <wp:docPr id="41" name="Picture 38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1" name="Picture 38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5D138730" wp14:editId="51361334">
            <wp:extent cx="1105535" cy="1223010"/>
            <wp:effectExtent l="0" t="0" r="0" b="0"/>
            <wp:docPr id="42" name="Picture 39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2" name="Picture 39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564312CA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</w:t>
      </w:r>
      <w:r w:rsidRPr="006822C9">
        <w:rPr>
          <w:sz w:val="56"/>
          <w:szCs w:val="56"/>
          <w:lang w:val="it-IT"/>
        </w:rPr>
        <w:tab/>
        <w:t>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6634C4A5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1168D20C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7D4EE39B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567EBBED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56FC4E6F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2859E246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13</w:t>
      </w:r>
    </w:p>
    <w:p w14:paraId="1B4A6B21" w14:textId="77777777" w:rsidR="00EB5885" w:rsidRPr="006822C9" w:rsidRDefault="00EB5885">
      <w:pPr>
        <w:tabs>
          <w:tab w:val="left" w:pos="1320"/>
        </w:tabs>
        <w:rPr>
          <w:color w:val="808080"/>
          <w:sz w:val="28"/>
          <w:szCs w:val="28"/>
          <w:lang w:val="it-IT"/>
        </w:rPr>
      </w:pPr>
    </w:p>
    <w:p w14:paraId="10FC8059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0"/>
          <w:lang w:val="it-IT"/>
        </w:rPr>
      </w:pPr>
    </w:p>
    <w:p w14:paraId="41D48204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40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vestirsi e svestirsi?</w:t>
      </w:r>
      <w:r w:rsidRPr="006822C9">
        <w:rPr>
          <w:sz w:val="40"/>
          <w:szCs w:val="56"/>
          <w:lang w:val="it-IT"/>
        </w:rPr>
        <w:t xml:space="preserve"> </w:t>
      </w:r>
    </w:p>
    <w:p w14:paraId="108CA953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28"/>
          <w:szCs w:val="56"/>
        </w:rPr>
      </w:pPr>
      <w:r>
        <w:rPr>
          <w:noProof/>
        </w:rPr>
        <w:drawing>
          <wp:inline distT="0" distB="0" distL="0" distR="0" wp14:anchorId="228BA43C" wp14:editId="62284C50">
            <wp:extent cx="2736215" cy="3188335"/>
            <wp:effectExtent l="0" t="0" r="0" b="0"/>
            <wp:docPr id="43" name="Picture 32" descr="E:\University\Silent Hemisphere\Test Materials\VATAs\VATA ADL\Third Edit\Illustrations\illustrationdressed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3" name="Picture 32" descr="E:\University\Silent Hemisphere\Test Materials\VATAs\VATA ADL\Third Edit\Illustrations\illustrationdressed001.jpg"/>
                    <pic:cNvPicPr>
                      <a:picLocks noChangeAspect="1" noChangeArrowheads="1"/>
                    </pic:cNvPicPr>
                  </pic:nvPicPr>
                  <pic:blipFill>
                    <a:blip r:embed="rId2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36215" cy="31883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br/>
      </w:r>
    </w:p>
    <w:p w14:paraId="7F488EC5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3F0493F2" wp14:editId="2DAC808F">
            <wp:extent cx="1137920" cy="1254760"/>
            <wp:effectExtent l="0" t="0" r="0" b="0"/>
            <wp:docPr id="44" name="Picture 68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" name="Picture 68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4DCCB907" wp14:editId="41E31B88">
            <wp:extent cx="1105535" cy="1223010"/>
            <wp:effectExtent l="0" t="0" r="0" b="0"/>
            <wp:docPr id="45" name="Picture 69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5" name="Picture 69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1D9A0F8F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</w:t>
      </w:r>
      <w:r w:rsidRPr="006822C9">
        <w:rPr>
          <w:sz w:val="56"/>
          <w:szCs w:val="56"/>
          <w:lang w:val="it-IT"/>
        </w:rPr>
        <w:tab/>
        <w:t>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3A539B52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347A5F5F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55A99D65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</w:p>
    <w:p w14:paraId="67081C62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</w:p>
    <w:p w14:paraId="3D35BCA2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5192754E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14</w:t>
      </w:r>
    </w:p>
    <w:p w14:paraId="7AAB2519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12BB2247" w14:textId="77777777" w:rsidR="00EB5885" w:rsidRPr="006822C9" w:rsidRDefault="00EB5885">
      <w:pPr>
        <w:rPr>
          <w:color w:val="808080"/>
          <w:sz w:val="28"/>
          <w:szCs w:val="28"/>
          <w:lang w:val="it-IT"/>
        </w:rPr>
      </w:pPr>
    </w:p>
    <w:p w14:paraId="301EAA60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237B01A3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</w:p>
    <w:p w14:paraId="40FA9F1C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prepararsi uno spuntino caldo?</w:t>
      </w:r>
    </w:p>
    <w:p w14:paraId="69B6C74B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</w:p>
    <w:p w14:paraId="24086516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56"/>
          <w:szCs w:val="56"/>
          <w:lang w:val="it-IT"/>
        </w:rPr>
      </w:pPr>
    </w:p>
    <w:p w14:paraId="711AB27D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40A41004" wp14:editId="71073A99">
            <wp:extent cx="4113530" cy="3069590"/>
            <wp:effectExtent l="0" t="0" r="0" b="0"/>
            <wp:docPr id="46" name="Picture 67" descr="E:\University\Silent Hemisphere\Test Materials\VATAs\VATA ADL\Third Edit\Illustrations\illustrationhotsnackalternative00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6" name="Picture 67" descr="E:\University\Silent Hemisphere\Test Materials\VATAs\VATA ADL\Third Edit\Illustrations\illustrationhotsnackalternative002.jpg"/>
                    <pic:cNvPicPr>
                      <a:picLocks noChangeAspect="1" noChangeArrowheads="1"/>
                    </pic:cNvPicPr>
                  </pic:nvPicPr>
                  <pic:blipFill>
                    <a:blip r:embed="rId2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13530" cy="30695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83E59C7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20"/>
          <w:szCs w:val="20"/>
        </w:rPr>
      </w:pPr>
    </w:p>
    <w:p w14:paraId="7B06DE36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3D5FF4EC" wp14:editId="2543C698">
            <wp:extent cx="1137920" cy="1254760"/>
            <wp:effectExtent l="0" t="0" r="0" b="0"/>
            <wp:docPr id="47" name="Picture 41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7" name="Picture 41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34268C49" wp14:editId="45E0A8E8">
            <wp:extent cx="1105535" cy="1223010"/>
            <wp:effectExtent l="0" t="0" r="0" b="0"/>
            <wp:docPr id="48" name="Picture 42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8" name="Picture 42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5187C34A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605BC985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3C4ED2C7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36F8DF81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</w:p>
    <w:p w14:paraId="04A32F15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</w:p>
    <w:p w14:paraId="0351FC98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7B53FD07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15</w:t>
      </w:r>
    </w:p>
    <w:p w14:paraId="601EDD05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1B11F3BE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1AC07B38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0"/>
          <w:lang w:val="it-IT"/>
        </w:rPr>
      </w:pPr>
    </w:p>
    <w:p w14:paraId="6543D9D9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fare la spesa?</w:t>
      </w:r>
    </w:p>
    <w:p w14:paraId="7709571C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  <w:r w:rsidRPr="006822C9">
        <w:rPr>
          <w:sz w:val="20"/>
          <w:szCs w:val="20"/>
          <w:lang w:val="it-IT"/>
        </w:rPr>
        <w:t xml:space="preserve"> </w:t>
      </w:r>
    </w:p>
    <w:p w14:paraId="3C5FC1FC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56BCA4B2" wp14:editId="1E072765">
            <wp:extent cx="4678045" cy="3328035"/>
            <wp:effectExtent l="0" t="0" r="0" b="0"/>
            <wp:docPr id="49" name="Picture 43" descr="illustrationshopping00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9" name="Picture 43" descr="illustrationshopping001"/>
                    <pic:cNvPicPr>
                      <a:picLocks noChangeAspect="1" noChangeArrowheads="1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78045" cy="33280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0A1C148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20"/>
          <w:szCs w:val="20"/>
        </w:rPr>
      </w:pPr>
    </w:p>
    <w:p w14:paraId="1880ADBE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137F024B" wp14:editId="0A87BE5B">
            <wp:extent cx="1137920" cy="1254760"/>
            <wp:effectExtent l="0" t="0" r="0" b="0"/>
            <wp:docPr id="50" name="Picture 44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0" name="Picture 44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149E6B00" wp14:editId="1C7B8C7C">
            <wp:extent cx="1105535" cy="1223010"/>
            <wp:effectExtent l="0" t="0" r="0" b="0"/>
            <wp:docPr id="51" name="Picture 45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1" name="Picture 45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1B96098C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65F90A30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1E08B479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4F00420D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57F2BA1F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15DB2975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13D21A17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16</w:t>
      </w:r>
      <w:r w:rsidRPr="006822C9">
        <w:rPr>
          <w:lang w:val="it-IT"/>
        </w:rPr>
        <w:br w:type="page"/>
      </w:r>
    </w:p>
    <w:p w14:paraId="7E3F9AC0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</w:p>
    <w:p w14:paraId="6920B301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socializzare con altre persone?</w:t>
      </w:r>
    </w:p>
    <w:p w14:paraId="268025ED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  <w:r w:rsidRPr="006822C9">
        <w:rPr>
          <w:sz w:val="20"/>
          <w:szCs w:val="20"/>
          <w:lang w:val="it-IT"/>
        </w:rPr>
        <w:t xml:space="preserve"> </w:t>
      </w:r>
    </w:p>
    <w:p w14:paraId="1D3BB28B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4AC92E56" wp14:editId="23038969">
            <wp:extent cx="5082540" cy="3157855"/>
            <wp:effectExtent l="0" t="0" r="0" b="0"/>
            <wp:docPr id="52" name="Picture 61" descr="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2" name="Picture 61" descr="10"/>
                    <pic:cNvPicPr>
                      <a:picLocks noChangeAspect="1" noChangeArrowheads="1"/>
                    </pic:cNvPicPr>
                  </pic:nvPicPr>
                  <pic:blipFill>
                    <a:blip r:embed="rId2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82540" cy="31578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63D2FE0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36"/>
          <w:szCs w:val="36"/>
        </w:rPr>
      </w:pPr>
    </w:p>
    <w:p w14:paraId="446272C0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</w:rPr>
      </w:pPr>
    </w:p>
    <w:p w14:paraId="0FD90971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59BB57C3" wp14:editId="0322ACC9">
            <wp:extent cx="1137920" cy="1254760"/>
            <wp:effectExtent l="0" t="0" r="0" b="0"/>
            <wp:docPr id="53" name="Picture 62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3" name="Picture 62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644B3F6F" wp14:editId="35CD69CE">
            <wp:extent cx="1105535" cy="1223010"/>
            <wp:effectExtent l="0" t="0" r="0" b="0"/>
            <wp:docPr id="54" name="Picture 63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4" name="Picture 63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144BF7CA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</w:t>
      </w:r>
      <w:r w:rsidRPr="006822C9">
        <w:rPr>
          <w:sz w:val="56"/>
          <w:szCs w:val="56"/>
          <w:lang w:val="it-IT"/>
        </w:rPr>
        <w:tab/>
        <w:t>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416DBBA7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29C4C32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7C7F353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372A33F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691927AE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051435F3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17</w:t>
      </w:r>
    </w:p>
    <w:p w14:paraId="736668CA" w14:textId="77777777" w:rsidR="00EB5885" w:rsidRPr="006822C9" w:rsidRDefault="00EB5885">
      <w:pPr>
        <w:rPr>
          <w:color w:val="808080"/>
          <w:sz w:val="28"/>
          <w:szCs w:val="28"/>
          <w:lang w:val="it-IT"/>
        </w:rPr>
      </w:pPr>
    </w:p>
    <w:p w14:paraId="3ACF1275" w14:textId="77777777" w:rsidR="00EB5885" w:rsidRPr="006822C9" w:rsidRDefault="006822C9">
      <w:pPr>
        <w:rPr>
          <w:color w:val="808080"/>
          <w:sz w:val="28"/>
          <w:szCs w:val="28"/>
          <w:lang w:val="it-IT"/>
        </w:rPr>
      </w:pPr>
      <w:r w:rsidRPr="006822C9">
        <w:rPr>
          <w:lang w:val="it-IT"/>
        </w:rPr>
        <w:br w:type="page"/>
      </w:r>
    </w:p>
    <w:p w14:paraId="3503DCC2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</w:p>
    <w:p w14:paraId="7038D88A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pettinarsi?</w:t>
      </w:r>
    </w:p>
    <w:p w14:paraId="4FD80CB6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1"/>
          <w:szCs w:val="56"/>
          <w:lang w:val="it-IT"/>
        </w:rPr>
      </w:pPr>
      <w:r w:rsidRPr="006822C9">
        <w:rPr>
          <w:sz w:val="21"/>
          <w:szCs w:val="56"/>
          <w:lang w:val="it-IT"/>
        </w:rPr>
        <w:t xml:space="preserve"> </w:t>
      </w:r>
    </w:p>
    <w:p w14:paraId="2E6C6F38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</w:p>
    <w:p w14:paraId="10F38DAA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2460E492" wp14:editId="342D7B9F">
            <wp:extent cx="3447415" cy="3387090"/>
            <wp:effectExtent l="0" t="0" r="0" b="0"/>
            <wp:docPr id="55" name="Picture 58" descr="E:\University\Silent Hemisphere\Test Materials\VATAs\VATA ADL\Third Edit\Illustrations\illustrationcombing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5" name="Picture 58" descr="E:\University\Silent Hemisphere\Test Materials\VATAs\VATA ADL\Third Edit\Illustrations\illustrationcombing001.jpg"/>
                    <pic:cNvPicPr>
                      <a:picLocks noChangeAspect="1" noChangeArrowheads="1"/>
                    </pic:cNvPicPr>
                  </pic:nvPicPr>
                  <pic:blipFill>
                    <a:blip r:embed="rId2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47415" cy="33870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A8E6FD2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</w:rPr>
      </w:pPr>
    </w:p>
    <w:p w14:paraId="7564CCE9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</w:rPr>
      </w:pPr>
    </w:p>
    <w:p w14:paraId="37160FFD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4FEC60A5" wp14:editId="3A448AA2">
            <wp:extent cx="1137920" cy="1254760"/>
            <wp:effectExtent l="0" t="0" r="0" b="0"/>
            <wp:docPr id="56" name="Picture 53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6" name="Picture 53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728749E2" wp14:editId="4B2A458F">
            <wp:extent cx="1105535" cy="1223010"/>
            <wp:effectExtent l="0" t="0" r="0" b="0"/>
            <wp:docPr id="57" name="Picture 54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7" name="Picture 54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647034CD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</w:t>
      </w:r>
      <w:r w:rsidRPr="006822C9">
        <w:rPr>
          <w:sz w:val="56"/>
          <w:szCs w:val="56"/>
          <w:lang w:val="it-IT"/>
        </w:rPr>
        <w:tab/>
        <w:t>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3FA678C9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70748877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41A42814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51A26201" w14:textId="77777777" w:rsidR="00EB5885" w:rsidRPr="006822C9" w:rsidRDefault="00EB5885">
      <w:pPr>
        <w:rPr>
          <w:color w:val="808080"/>
          <w:sz w:val="28"/>
          <w:szCs w:val="28"/>
          <w:lang w:val="it-IT"/>
        </w:rPr>
      </w:pPr>
    </w:p>
    <w:p w14:paraId="5D9698ED" w14:textId="77777777" w:rsidR="00EB5885" w:rsidRPr="006822C9" w:rsidRDefault="00EB5885">
      <w:pPr>
        <w:rPr>
          <w:color w:val="808080"/>
          <w:sz w:val="28"/>
          <w:szCs w:val="28"/>
          <w:lang w:val="it-IT"/>
        </w:rPr>
      </w:pPr>
    </w:p>
    <w:p w14:paraId="7575B0C2" w14:textId="77777777" w:rsidR="00EB5885" w:rsidRPr="006822C9" w:rsidRDefault="006822C9">
      <w:pPr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18</w:t>
      </w:r>
    </w:p>
    <w:p w14:paraId="3F0AFB90" w14:textId="77777777" w:rsidR="00EB5885" w:rsidRPr="006822C9" w:rsidRDefault="00EB5885">
      <w:pPr>
        <w:jc w:val="center"/>
        <w:rPr>
          <w:color w:val="808080"/>
          <w:sz w:val="28"/>
          <w:szCs w:val="28"/>
          <w:lang w:val="it-IT"/>
        </w:rPr>
      </w:pPr>
    </w:p>
    <w:p w14:paraId="23618B2C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7024D1E0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</w:p>
    <w:p w14:paraId="4F9475BC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volteggiare su un trapezio?</w:t>
      </w:r>
    </w:p>
    <w:p w14:paraId="0D7594C7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  <w:r w:rsidRPr="006822C9">
        <w:rPr>
          <w:sz w:val="28"/>
          <w:szCs w:val="28"/>
          <w:lang w:val="it-IT"/>
        </w:rPr>
        <w:t xml:space="preserve"> </w:t>
      </w:r>
    </w:p>
    <w:p w14:paraId="72D943D9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2FBB4C80" wp14:editId="3F72A444">
            <wp:extent cx="4220845" cy="3317240"/>
            <wp:effectExtent l="0" t="0" r="0" b="0"/>
            <wp:docPr id="58" name="Picture 46" descr="illustrationtrapeze00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8" name="Picture 46" descr="illustrationtrapeze001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20845" cy="33172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br/>
      </w:r>
    </w:p>
    <w:p w14:paraId="140CC675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2C148F68" wp14:editId="2BCE664B">
            <wp:extent cx="1137920" cy="1254760"/>
            <wp:effectExtent l="0" t="0" r="0" b="0"/>
            <wp:docPr id="59" name="Picture 47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9" name="Picture 47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28371919" wp14:editId="64CAA35B">
            <wp:extent cx="1105535" cy="1223010"/>
            <wp:effectExtent l="0" t="0" r="0" b="0"/>
            <wp:docPr id="60" name="Picture 48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0" name="Picture 48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49263C43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</w:t>
      </w:r>
      <w:r w:rsidRPr="006822C9">
        <w:rPr>
          <w:sz w:val="56"/>
          <w:szCs w:val="56"/>
          <w:lang w:val="it-IT"/>
        </w:rPr>
        <w:tab/>
        <w:t>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5AE2B44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462BBF4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175596FB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498DD7A7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6196EB8C" w14:textId="77777777" w:rsidR="00EB5885" w:rsidRPr="006822C9" w:rsidRDefault="00EB5885">
      <w:pPr>
        <w:jc w:val="center"/>
        <w:rPr>
          <w:sz w:val="20"/>
          <w:szCs w:val="20"/>
          <w:lang w:val="it-IT"/>
        </w:rPr>
      </w:pPr>
    </w:p>
    <w:p w14:paraId="75D73771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19</w:t>
      </w:r>
    </w:p>
    <w:p w14:paraId="5C76E53B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5844F9F3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</w:p>
    <w:p w14:paraId="6935C03B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bagnare le piante?</w:t>
      </w:r>
    </w:p>
    <w:p w14:paraId="4E1C9949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</w:p>
    <w:p w14:paraId="3A31570B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4CE9BAA4" wp14:editId="3DAA0496">
            <wp:extent cx="3355340" cy="3317875"/>
            <wp:effectExtent l="0" t="0" r="0" b="0"/>
            <wp:docPr id="61" name="Picture 33" descr="E:\University\Silent Hemisphere\Test Materials\VATAs\VATA ADL\Third Edit\Illustrations\illustrationwaterplants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1" name="Picture 33" descr="E:\University\Silent Hemisphere\Test Materials\VATAs\VATA ADL\Third Edit\Illustrations\illustrationwaterplants001.jp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55340" cy="33178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1E50C74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32"/>
          <w:szCs w:val="56"/>
        </w:rPr>
      </w:pPr>
    </w:p>
    <w:p w14:paraId="1B1B6E3F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20"/>
          <w:szCs w:val="20"/>
        </w:rPr>
      </w:pPr>
    </w:p>
    <w:p w14:paraId="066131E5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3E7ED49F" wp14:editId="22AFA158">
            <wp:extent cx="1137920" cy="1254760"/>
            <wp:effectExtent l="0" t="0" r="0" b="0"/>
            <wp:docPr id="62" name="Picture 50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2" name="Picture 50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46CD6EAE" wp14:editId="521BEE83">
            <wp:extent cx="1105535" cy="1223010"/>
            <wp:effectExtent l="0" t="0" r="0" b="0"/>
            <wp:docPr id="63" name="Picture 51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3" name="Picture 51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59C3CAD9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4749CA90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74ECC71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3A9E697D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6A41B9C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7681BBB2" w14:textId="77777777" w:rsidR="00EB5885" w:rsidRPr="006822C9" w:rsidRDefault="00EB5885">
      <w:pPr>
        <w:tabs>
          <w:tab w:val="left" w:pos="1320"/>
        </w:tabs>
        <w:rPr>
          <w:color w:val="808080"/>
          <w:sz w:val="28"/>
          <w:szCs w:val="28"/>
          <w:lang w:val="it-IT"/>
        </w:rPr>
      </w:pPr>
    </w:p>
    <w:p w14:paraId="6A0A8DC7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20</w:t>
      </w:r>
    </w:p>
    <w:p w14:paraId="31EDFDB6" w14:textId="77777777" w:rsidR="00EB5885" w:rsidRPr="006822C9" w:rsidRDefault="00EB5885">
      <w:pPr>
        <w:tabs>
          <w:tab w:val="left" w:pos="1320"/>
        </w:tabs>
        <w:rPr>
          <w:color w:val="808080"/>
          <w:sz w:val="28"/>
          <w:szCs w:val="28"/>
          <w:lang w:val="it-IT"/>
        </w:rPr>
      </w:pPr>
    </w:p>
    <w:p w14:paraId="122AF09C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</w:p>
    <w:p w14:paraId="145D3AB6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prendere le medicine?</w:t>
      </w:r>
    </w:p>
    <w:p w14:paraId="57A207C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  <w:r w:rsidRPr="006822C9">
        <w:rPr>
          <w:sz w:val="20"/>
          <w:szCs w:val="20"/>
          <w:lang w:val="it-IT"/>
        </w:rPr>
        <w:t xml:space="preserve"> </w:t>
      </w:r>
    </w:p>
    <w:p w14:paraId="7E10FE7C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149A079C" wp14:editId="7422B459">
            <wp:extent cx="3928110" cy="3094355"/>
            <wp:effectExtent l="0" t="0" r="0" b="0"/>
            <wp:docPr id="64" name="Picture 49" descr="E:\University\Silent Hemisphere\Test Materials\VATAs\VATA ADL\Third Edit\Illustrations\illustrationmedication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4" name="Picture 49" descr="E:\University\Silent Hemisphere\Test Materials\VATAs\VATA ADL\Third Edit\Illustrations\illustrationmedication001.jp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28110" cy="30943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FFC6CB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44"/>
          <w:szCs w:val="56"/>
        </w:rPr>
      </w:pPr>
    </w:p>
    <w:p w14:paraId="2B7A3B61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20"/>
          <w:szCs w:val="20"/>
        </w:rPr>
      </w:pPr>
    </w:p>
    <w:p w14:paraId="0B44C5CB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726DC1E0" wp14:editId="77B39ED7">
            <wp:extent cx="1137920" cy="1254760"/>
            <wp:effectExtent l="0" t="0" r="0" b="0"/>
            <wp:docPr id="65" name="Picture 70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5" name="Picture 70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40E190AC" wp14:editId="2877E5FC">
            <wp:extent cx="1105535" cy="1223010"/>
            <wp:effectExtent l="0" t="0" r="0" b="0"/>
            <wp:docPr id="66" name="Picture 71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6" name="Picture 71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6864B025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79C66C81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4C3D94BD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717FE482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526E44DD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6B54B304" w14:textId="77777777" w:rsidR="00EB5885" w:rsidRPr="006822C9" w:rsidRDefault="00EB5885">
      <w:pPr>
        <w:tabs>
          <w:tab w:val="left" w:pos="1320"/>
        </w:tabs>
        <w:rPr>
          <w:color w:val="808080"/>
          <w:sz w:val="28"/>
          <w:szCs w:val="28"/>
          <w:lang w:val="it-IT"/>
        </w:rPr>
      </w:pPr>
    </w:p>
    <w:p w14:paraId="2B648D67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21</w:t>
      </w:r>
    </w:p>
    <w:p w14:paraId="4B916017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23202AA0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p w14:paraId="240FEE8E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8"/>
          <w:szCs w:val="28"/>
          <w:lang w:val="it-IT"/>
        </w:rPr>
      </w:pPr>
    </w:p>
    <w:p w14:paraId="123F7A6E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>Ha/avrebbe problemi a leggere il giornale?</w:t>
      </w:r>
    </w:p>
    <w:p w14:paraId="28489452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jc w:val="center"/>
        <w:rPr>
          <w:sz w:val="20"/>
          <w:szCs w:val="20"/>
          <w:lang w:val="it-IT"/>
        </w:rPr>
      </w:pPr>
      <w:r w:rsidRPr="006822C9">
        <w:rPr>
          <w:sz w:val="20"/>
          <w:szCs w:val="20"/>
          <w:lang w:val="it-IT"/>
        </w:rPr>
        <w:t xml:space="preserve"> </w:t>
      </w:r>
    </w:p>
    <w:p w14:paraId="036ED6C6" w14:textId="77777777" w:rsidR="00EB5885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56"/>
          <w:szCs w:val="56"/>
        </w:rPr>
      </w:pPr>
      <w:r>
        <w:rPr>
          <w:noProof/>
        </w:rPr>
        <w:drawing>
          <wp:inline distT="0" distB="0" distL="0" distR="0" wp14:anchorId="1ABEC3AC" wp14:editId="23657022">
            <wp:extent cx="3403600" cy="3116580"/>
            <wp:effectExtent l="0" t="0" r="0" b="0"/>
            <wp:docPr id="67" name="Picture 52" descr="E:\University\Silent Hemisphere\Test Materials\VATAs\VATA ADL\Third Edit\Illustrations\illustrationnewspaper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7" name="Picture 52" descr="E:\University\Silent Hemisphere\Test Materials\VATAs\VATA ADL\Third Edit\Illustrations\illustrationnewspaper001.jp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03600" cy="31165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E321A42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jc w:val="center"/>
        <w:rPr>
          <w:sz w:val="28"/>
          <w:szCs w:val="28"/>
        </w:rPr>
      </w:pPr>
    </w:p>
    <w:p w14:paraId="732635E2" w14:textId="77777777" w:rsidR="00EB5885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20"/>
          <w:szCs w:val="20"/>
        </w:rPr>
      </w:pPr>
    </w:p>
    <w:p w14:paraId="1BEE0C20" w14:textId="77777777" w:rsidR="00EB5885" w:rsidRPr="00760851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 </w:t>
      </w:r>
      <w:r>
        <w:rPr>
          <w:noProof/>
        </w:rPr>
        <w:drawing>
          <wp:inline distT="0" distB="0" distL="0" distR="0" wp14:anchorId="058B893E" wp14:editId="551CCE8A">
            <wp:extent cx="1137920" cy="1254760"/>
            <wp:effectExtent l="0" t="0" r="0" b="0"/>
            <wp:docPr id="68" name="Picture 72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8" name="Picture 72" descr="happy face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                             </w:t>
      </w:r>
      <w:r>
        <w:rPr>
          <w:noProof/>
        </w:rPr>
        <w:drawing>
          <wp:inline distT="0" distB="0" distL="0" distR="0" wp14:anchorId="4D2C54C1" wp14:editId="38BC5B09">
            <wp:extent cx="1105535" cy="1223010"/>
            <wp:effectExtent l="0" t="0" r="0" b="0"/>
            <wp:docPr id="69" name="Picture 73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9" name="Picture 73" descr="Proble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60851">
        <w:rPr>
          <w:sz w:val="56"/>
          <w:szCs w:val="56"/>
          <w:lang w:val="it-IT"/>
        </w:rPr>
        <w:t xml:space="preserve">   </w:t>
      </w:r>
    </w:p>
    <w:p w14:paraId="1653E631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sz w:val="56"/>
          <w:szCs w:val="56"/>
          <w:lang w:val="it-IT"/>
        </w:rPr>
      </w:pPr>
      <w:r w:rsidRPr="00760851">
        <w:rPr>
          <w:sz w:val="56"/>
          <w:szCs w:val="56"/>
          <w:lang w:val="it-IT"/>
        </w:rPr>
        <w:t xml:space="preserve"> </w:t>
      </w:r>
      <w:r w:rsidRPr="006822C9">
        <w:rPr>
          <w:sz w:val="56"/>
          <w:szCs w:val="56"/>
          <w:lang w:val="it-IT"/>
        </w:rPr>
        <w:t>No Problem</w:t>
      </w:r>
      <w:r w:rsidRPr="006822C9">
        <w:rPr>
          <w:sz w:val="56"/>
          <w:szCs w:val="56"/>
          <w:lang w:val="it-IT"/>
        </w:rPr>
        <w:tab/>
        <w:t>i</w:t>
      </w:r>
      <w:r w:rsidRPr="006822C9">
        <w:rPr>
          <w:sz w:val="56"/>
          <w:szCs w:val="56"/>
          <w:lang w:val="it-IT"/>
        </w:rPr>
        <w:tab/>
        <w:t xml:space="preserve">                    Problemi</w:t>
      </w:r>
    </w:p>
    <w:p w14:paraId="2BB2B2FA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2440"/>
        </w:tabs>
        <w:rPr>
          <w:lang w:val="it-IT"/>
        </w:rPr>
      </w:pPr>
    </w:p>
    <w:p w14:paraId="0188FE1C" w14:textId="77777777" w:rsidR="00EB5885" w:rsidRPr="006822C9" w:rsidRDefault="006822C9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56"/>
          <w:szCs w:val="56"/>
          <w:lang w:val="it-IT"/>
        </w:rPr>
      </w:pPr>
      <w:r w:rsidRPr="006822C9">
        <w:rPr>
          <w:sz w:val="56"/>
          <w:szCs w:val="56"/>
          <w:lang w:val="it-IT"/>
        </w:rPr>
        <w:t xml:space="preserve">   0 ---------- 1 ---------- 2 ---------- 3</w:t>
      </w:r>
    </w:p>
    <w:p w14:paraId="7F89311D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4D2E2789" w14:textId="77777777" w:rsidR="00EB5885" w:rsidRPr="006822C9" w:rsidRDefault="00EB5885">
      <w:pPr>
        <w:pBdr>
          <w:top w:val="single" w:sz="4" w:space="1" w:color="000000"/>
          <w:left w:val="single" w:sz="4" w:space="4" w:color="000000"/>
          <w:bottom w:val="single" w:sz="4" w:space="1" w:color="000000"/>
          <w:right w:val="single" w:sz="4" w:space="4" w:color="000000"/>
        </w:pBdr>
        <w:tabs>
          <w:tab w:val="left" w:pos="1320"/>
        </w:tabs>
        <w:rPr>
          <w:sz w:val="20"/>
          <w:szCs w:val="20"/>
          <w:lang w:val="it-IT"/>
        </w:rPr>
      </w:pPr>
    </w:p>
    <w:p w14:paraId="7EAF9DD7" w14:textId="77777777" w:rsidR="00EB5885" w:rsidRPr="006822C9" w:rsidRDefault="00EB5885">
      <w:pPr>
        <w:tabs>
          <w:tab w:val="left" w:pos="1320"/>
        </w:tabs>
        <w:rPr>
          <w:color w:val="808080"/>
          <w:sz w:val="28"/>
          <w:szCs w:val="28"/>
          <w:lang w:val="it-IT"/>
        </w:rPr>
      </w:pPr>
    </w:p>
    <w:p w14:paraId="3247309A" w14:textId="77777777" w:rsidR="00EB5885" w:rsidRPr="006822C9" w:rsidRDefault="006822C9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6822C9">
        <w:rPr>
          <w:color w:val="808080"/>
          <w:sz w:val="28"/>
          <w:szCs w:val="28"/>
          <w:lang w:val="it-IT"/>
        </w:rPr>
        <w:t>Question 22</w:t>
      </w:r>
    </w:p>
    <w:p w14:paraId="70204235" w14:textId="77777777" w:rsidR="00EB5885" w:rsidRPr="006822C9" w:rsidRDefault="00EB5885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sectPr w:rsidR="00EB5885" w:rsidRPr="006822C9">
      <w:pgSz w:w="12240" w:h="15840"/>
      <w:pgMar w:top="1440" w:right="1800" w:bottom="1440" w:left="1800" w:header="0" w:footer="0" w:gutter="0"/>
      <w:cols w:space="720"/>
      <w:formProt w:val="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Lucida Grande">
    <w:charset w:val="00"/>
    <w:family w:val="roman"/>
    <w:pitch w:val="variable"/>
  </w:font>
  <w:font w:name="Liberation Sans">
    <w:altName w:val="Arial"/>
    <w:charset w:val="00"/>
    <w:family w:val="swiss"/>
    <w:pitch w:val="variable"/>
  </w:font>
  <w:font w:name="Microsoft YaHei">
    <w:panose1 w:val="020B0503020204020204"/>
    <w:charset w:val="00"/>
    <w:family w:val="roman"/>
    <w:notTrueType/>
    <w:pitch w:val="default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S Mincho">
    <w:altName w:val="ＭＳ 明朝"/>
    <w:panose1 w:val="02020609040205080304"/>
    <w:charset w:val="80"/>
    <w:family w:val="roman"/>
    <w:pitch w:val="fixed"/>
    <w:sig w:usb0="00000001" w:usb1="08070000" w:usb2="00000010" w:usb3="00000000" w:csb0="0002000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ADA0C08"/>
    <w:multiLevelType w:val="multilevel"/>
    <w:tmpl w:val="8760EFB2"/>
    <w:lvl w:ilvl="0">
      <w:start w:val="1"/>
      <w:numFmt w:val="none"/>
      <w:suff w:val="nothing"/>
      <w:lvlText w:val=""/>
      <w:lvlJc w:val="left"/>
      <w:pPr>
        <w:ind w:left="0" w:firstLine="0"/>
      </w:pPr>
    </w:lvl>
    <w:lvl w:ilvl="1">
      <w:start w:val="1"/>
      <w:numFmt w:val="none"/>
      <w:suff w:val="nothing"/>
      <w:lvlText w:val=""/>
      <w:lvlJc w:val="left"/>
      <w:pPr>
        <w:ind w:left="0" w:firstLine="0"/>
      </w:pPr>
    </w:lvl>
    <w:lvl w:ilvl="2">
      <w:start w:val="1"/>
      <w:numFmt w:val="none"/>
      <w:suff w:val="nothing"/>
      <w:lvlText w:val=""/>
      <w:lvlJc w:val="left"/>
      <w:pPr>
        <w:ind w:left="0" w:firstLine="0"/>
      </w:pPr>
    </w:lvl>
    <w:lvl w:ilvl="3">
      <w:start w:val="1"/>
      <w:numFmt w:val="none"/>
      <w:suff w:val="nothing"/>
      <w:lvlText w:val=""/>
      <w:lvlJc w:val="left"/>
      <w:pPr>
        <w:ind w:left="0" w:firstLine="0"/>
      </w:pPr>
    </w:lvl>
    <w:lvl w:ilvl="4">
      <w:start w:val="1"/>
      <w:numFmt w:val="none"/>
      <w:suff w:val="nothing"/>
      <w:lvlText w:val=""/>
      <w:lvlJc w:val="left"/>
      <w:pPr>
        <w:ind w:left="0" w:firstLine="0"/>
      </w:pPr>
    </w:lvl>
    <w:lvl w:ilvl="5">
      <w:start w:val="1"/>
      <w:numFmt w:val="none"/>
      <w:suff w:val="nothing"/>
      <w:lvlText w:val=""/>
      <w:lvlJc w:val="left"/>
      <w:pPr>
        <w:ind w:left="0" w:firstLine="0"/>
      </w:pPr>
    </w:lvl>
    <w:lvl w:ilvl="6">
      <w:start w:val="1"/>
      <w:numFmt w:val="none"/>
      <w:suff w:val="nothing"/>
      <w:lvlText w:val=""/>
      <w:lvlJc w:val="left"/>
      <w:pPr>
        <w:ind w:left="0" w:firstLine="0"/>
      </w:pPr>
    </w:lvl>
    <w:lvl w:ilvl="7">
      <w:start w:val="1"/>
      <w:numFmt w:val="none"/>
      <w:suff w:val="nothing"/>
      <w:lvlText w:val=""/>
      <w:lvlJc w:val="left"/>
      <w:pPr>
        <w:ind w:left="0" w:firstLine="0"/>
      </w:pPr>
    </w:lvl>
    <w:lvl w:ilvl="8">
      <w:start w:val="1"/>
      <w:numFmt w:val="none"/>
      <w:suff w:val="nothing"/>
      <w:lvlText w:val=""/>
      <w:lvlJc w:val="left"/>
      <w:pPr>
        <w:ind w:left="0" w:firstLine="0"/>
      </w:pPr>
    </w:lvl>
  </w:abstractNum>
  <w:abstractNum w:abstractNumId="1" w15:restartNumberingAfterBreak="0">
    <w:nsid w:val="175A05FA"/>
    <w:multiLevelType w:val="multilevel"/>
    <w:tmpl w:val="E2764362"/>
    <w:lvl w:ilvl="0">
      <w:start w:val="1"/>
      <w:numFmt w:val="decimal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26858DC"/>
    <w:multiLevelType w:val="multilevel"/>
    <w:tmpl w:val="578E476A"/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cs="Wingdings" w:hint="default"/>
      </w:rPr>
    </w:lvl>
  </w:abstractNum>
  <w:num w:numId="1">
    <w:abstractNumId w:val="1"/>
  </w:num>
  <w:num w:numId="2">
    <w:abstractNumId w:val="2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autoHyphenation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EB5885"/>
    <w:rsid w:val="006822C9"/>
    <w:rsid w:val="00760851"/>
    <w:rsid w:val="00EB588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C061087"/>
  <w15:docId w15:val="{C75F9D0D-6C57-44C9-A994-6A0DC95231F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>
      <w:pPr>
        <w:suppressAutoHyphens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 w:qFormat="1"/>
    <w:lsdException w:name="Colorful Grid" w:uiPriority="73" w:qFormat="1"/>
    <w:lsdException w:name="Light Shading Accent 1" w:uiPriority="60" w:qFormat="1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 w:qFormat="1"/>
    <w:lsdException w:name="Medium List 2 Accent 6" w:uiPriority="66" w:qFormat="1"/>
    <w:lsdException w:name="Medium Grid 1 Accent 6" w:uiPriority="67" w:qFormat="1"/>
    <w:lsdException w:name="Medium Grid 2 Accent 6" w:uiPriority="68" w:qFormat="1"/>
    <w:lsdException w:name="Medium Grid 3 Accent 6" w:uiPriority="69" w:qFormat="1"/>
    <w:lsdException w:name="Dark List Accent 6" w:uiPriority="70"/>
    <w:lsdException w:name="Colorful Shading Accent 6" w:uiPriority="71" w:qFormat="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CB21C7"/>
    <w:rPr>
      <w:sz w:val="24"/>
      <w:szCs w:val="24"/>
      <w:lang w:val="en-GB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BalloonTextChar">
    <w:name w:val="Balloon Text Char"/>
    <w:basedOn w:val="DefaultParagraphFont"/>
    <w:link w:val="BalloonText"/>
    <w:uiPriority w:val="99"/>
    <w:semiHidden/>
    <w:qFormat/>
    <w:rsid w:val="00C15EDE"/>
    <w:rPr>
      <w:rFonts w:ascii="Lucida Grande" w:hAnsi="Lucida Grande"/>
      <w:sz w:val="18"/>
      <w:szCs w:val="18"/>
      <w:lang w:val="en-GB"/>
    </w:rPr>
  </w:style>
  <w:style w:type="character" w:customStyle="1" w:styleId="HeaderChar">
    <w:name w:val="Header Char"/>
    <w:basedOn w:val="DefaultParagraphFont"/>
    <w:link w:val="Header"/>
    <w:uiPriority w:val="99"/>
    <w:qFormat/>
    <w:rsid w:val="001C0F2A"/>
    <w:rPr>
      <w:sz w:val="24"/>
      <w:szCs w:val="24"/>
      <w:lang w:val="en-GB"/>
    </w:rPr>
  </w:style>
  <w:style w:type="paragraph" w:customStyle="1" w:styleId="Titolo">
    <w:name w:val="Titolo"/>
    <w:basedOn w:val="Normal"/>
    <w:next w:val="BodyText"/>
    <w:qFormat/>
    <w:pPr>
      <w:keepNext/>
      <w:spacing w:before="240" w:after="120"/>
    </w:pPr>
    <w:rPr>
      <w:rFonts w:ascii="Liberation Sans" w:eastAsia="Microsoft YaHei" w:hAnsi="Liberation Sans" w:cs="Arial"/>
      <w:sz w:val="28"/>
      <w:szCs w:val="28"/>
    </w:rPr>
  </w:style>
  <w:style w:type="paragraph" w:styleId="BodyText">
    <w:name w:val="Body Text"/>
    <w:basedOn w:val="Normal"/>
    <w:pPr>
      <w:spacing w:after="140" w:line="276" w:lineRule="auto"/>
    </w:pPr>
  </w:style>
  <w:style w:type="paragraph" w:styleId="List">
    <w:name w:val="List"/>
    <w:basedOn w:val="BodyText"/>
    <w:rPr>
      <w:rFonts w:cs="Arial"/>
    </w:rPr>
  </w:style>
  <w:style w:type="paragraph" w:styleId="Caption">
    <w:name w:val="caption"/>
    <w:basedOn w:val="Normal"/>
    <w:qFormat/>
    <w:pPr>
      <w:suppressLineNumbers/>
      <w:spacing w:before="120" w:after="120"/>
    </w:pPr>
    <w:rPr>
      <w:rFonts w:cs="Arial"/>
      <w:i/>
      <w:iCs/>
    </w:rPr>
  </w:style>
  <w:style w:type="paragraph" w:customStyle="1" w:styleId="Indice">
    <w:name w:val="Indice"/>
    <w:basedOn w:val="Normal"/>
    <w:qFormat/>
    <w:pPr>
      <w:suppressLineNumbers/>
    </w:pPr>
    <w:rPr>
      <w:rFonts w:cs="Arial"/>
    </w:rPr>
  </w:style>
  <w:style w:type="paragraph" w:customStyle="1" w:styleId="Intestazioneepidipagina">
    <w:name w:val="Intestazione e piè di pagina"/>
    <w:basedOn w:val="Normal"/>
    <w:qFormat/>
  </w:style>
  <w:style w:type="paragraph" w:styleId="Header">
    <w:name w:val="header"/>
    <w:basedOn w:val="Normal"/>
    <w:link w:val="HeaderChar"/>
    <w:uiPriority w:val="99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semiHidden/>
    <w:pPr>
      <w:tabs>
        <w:tab w:val="center" w:pos="4320"/>
        <w:tab w:val="right" w:pos="8640"/>
      </w:tabs>
    </w:pPr>
  </w:style>
  <w:style w:type="paragraph" w:customStyle="1" w:styleId="ColorfulList-Accent11">
    <w:name w:val="Colorful List - Accent 11"/>
    <w:basedOn w:val="Normal"/>
    <w:qFormat/>
    <w:pPr>
      <w:spacing w:after="200" w:line="276" w:lineRule="auto"/>
      <w:ind w:left="720"/>
      <w:contextualSpacing/>
    </w:pPr>
    <w:rPr>
      <w:rFonts w:ascii="Calibri" w:eastAsia="Calibri" w:hAnsi="Calibri"/>
      <w:sz w:val="22"/>
      <w:szCs w:val="22"/>
    </w:rPr>
  </w:style>
  <w:style w:type="paragraph" w:styleId="BalloonText">
    <w:name w:val="Balloon Text"/>
    <w:basedOn w:val="Normal"/>
    <w:link w:val="BalloonTextChar"/>
    <w:uiPriority w:val="99"/>
    <w:semiHidden/>
    <w:unhideWhenUsed/>
    <w:qFormat/>
    <w:rsid w:val="00C15EDE"/>
    <w:rPr>
      <w:rFonts w:ascii="Lucida Grande" w:hAnsi="Lucida Grande"/>
      <w:sz w:val="18"/>
      <w:szCs w:val="18"/>
    </w:rPr>
  </w:style>
  <w:style w:type="paragraph" w:styleId="ListParagraph">
    <w:name w:val="List Paragraph"/>
    <w:basedOn w:val="Normal"/>
    <w:uiPriority w:val="34"/>
    <w:qFormat/>
    <w:rsid w:val="00EF2FBB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image" Target="media/image8.jpeg"/><Relationship Id="rId18" Type="http://schemas.openxmlformats.org/officeDocument/2006/relationships/image" Target="media/image13.jpeg"/><Relationship Id="rId26" Type="http://schemas.openxmlformats.org/officeDocument/2006/relationships/image" Target="media/image21.jpeg"/><Relationship Id="rId3" Type="http://schemas.openxmlformats.org/officeDocument/2006/relationships/styles" Target="styles.xml"/><Relationship Id="rId21" Type="http://schemas.openxmlformats.org/officeDocument/2006/relationships/image" Target="media/image16.jpeg"/><Relationship Id="rId7" Type="http://schemas.openxmlformats.org/officeDocument/2006/relationships/image" Target="media/image2.jpeg"/><Relationship Id="rId12" Type="http://schemas.openxmlformats.org/officeDocument/2006/relationships/image" Target="media/image7.jpeg"/><Relationship Id="rId17" Type="http://schemas.openxmlformats.org/officeDocument/2006/relationships/image" Target="media/image12.jpeg"/><Relationship Id="rId25" Type="http://schemas.openxmlformats.org/officeDocument/2006/relationships/image" Target="media/image20.jpeg"/><Relationship Id="rId2" Type="http://schemas.openxmlformats.org/officeDocument/2006/relationships/numbering" Target="numbering.xml"/><Relationship Id="rId16" Type="http://schemas.openxmlformats.org/officeDocument/2006/relationships/image" Target="media/image11.png"/><Relationship Id="rId20" Type="http://schemas.openxmlformats.org/officeDocument/2006/relationships/image" Target="media/image15.jpeg"/><Relationship Id="rId29" Type="http://schemas.openxmlformats.org/officeDocument/2006/relationships/image" Target="media/image24.jpeg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11" Type="http://schemas.openxmlformats.org/officeDocument/2006/relationships/image" Target="media/image6.jpeg"/><Relationship Id="rId24" Type="http://schemas.openxmlformats.org/officeDocument/2006/relationships/image" Target="media/image19.jpeg"/><Relationship Id="rId32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image" Target="media/image10.jpeg"/><Relationship Id="rId23" Type="http://schemas.openxmlformats.org/officeDocument/2006/relationships/image" Target="media/image18.jpeg"/><Relationship Id="rId28" Type="http://schemas.openxmlformats.org/officeDocument/2006/relationships/image" Target="media/image23.jpeg"/><Relationship Id="rId10" Type="http://schemas.openxmlformats.org/officeDocument/2006/relationships/image" Target="media/image5.jpeg"/><Relationship Id="rId19" Type="http://schemas.openxmlformats.org/officeDocument/2006/relationships/image" Target="media/image14.jpeg"/><Relationship Id="rId31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4.jpeg"/><Relationship Id="rId14" Type="http://schemas.openxmlformats.org/officeDocument/2006/relationships/image" Target="media/image9.jpeg"/><Relationship Id="rId22" Type="http://schemas.openxmlformats.org/officeDocument/2006/relationships/image" Target="media/image17.jpeg"/><Relationship Id="rId27" Type="http://schemas.openxmlformats.org/officeDocument/2006/relationships/image" Target="media/image22.jpeg"/><Relationship Id="rId30" Type="http://schemas.openxmlformats.org/officeDocument/2006/relationships/image" Target="media/image25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239EAAD-DA33-4A12-AB13-3444749323D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</TotalTime>
  <Pages>26</Pages>
  <Words>1249</Words>
  <Characters>7123</Characters>
  <Application>Microsoft Office Word</Application>
  <DocSecurity>0</DocSecurity>
  <Lines>59</Lines>
  <Paragraphs>16</Paragraphs>
  <ScaleCrop>false</ScaleCrop>
  <Company>Birkbeck College</Company>
  <LinksUpToDate>false</LinksUpToDate>
  <CharactersWithSpaces>835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/would you have difficulty finding the right word</dc:title>
  <dc:subject/>
  <dc:creator>Danielle</dc:creator>
  <dc:description/>
  <cp:lastModifiedBy>Sergio Della Sala</cp:lastModifiedBy>
  <cp:revision>2</cp:revision>
  <cp:lastPrinted>2014-02-10T10:32:00Z</cp:lastPrinted>
  <dcterms:created xsi:type="dcterms:W3CDTF">2021-06-05T12:23:00Z</dcterms:created>
  <dcterms:modified xsi:type="dcterms:W3CDTF">2021-06-05T12:23:00Z</dcterms:modified>
  <dc:language>it-IT</dc:languag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6.0000</vt:lpwstr>
  </property>
  <property fmtid="{D5CDD505-2E9C-101B-9397-08002B2CF9AE}" pid="3" name="Company">
    <vt:lpwstr>Birkbeck College</vt:lpwstr>
  </property>
  <property fmtid="{D5CDD505-2E9C-101B-9397-08002B2CF9AE}" pid="4" name="DocSecurity">
    <vt:i4>0</vt:i4>
  </property>
  <property fmtid="{D5CDD505-2E9C-101B-9397-08002B2CF9AE}" pid="5" name="HyperlinksChanged">
    <vt:bool>false</vt:bool>
  </property>
  <property fmtid="{D5CDD505-2E9C-101B-9397-08002B2CF9AE}" pid="6" name="LinksUpToDate">
    <vt:bool>false</vt:bool>
  </property>
  <property fmtid="{D5CDD505-2E9C-101B-9397-08002B2CF9AE}" pid="7" name="ScaleCrop">
    <vt:bool>false</vt:bool>
  </property>
  <property fmtid="{D5CDD505-2E9C-101B-9397-08002B2CF9AE}" pid="8" name="ShareDoc">
    <vt:bool>false</vt:bool>
  </property>
</Properties>
</file>